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18. Dialyzačné prístroje a spotrebný materiál pre prístroje\06. PTK\"/>
    </mc:Choice>
  </mc:AlternateContent>
  <bookViews>
    <workbookView xWindow="0" yWindow="0" windowWidth="23040" windowHeight="9195"/>
  </bookViews>
  <sheets>
    <sheet name="PTK - Ponuka" sheetId="8" r:id="rId1"/>
  </sheets>
  <definedNames>
    <definedName name="_xlnm.Print_Area" localSheetId="0">'PTK - Ponuka'!$B$1:$E$172</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8" uniqueCount="227">
  <si>
    <t xml:space="preserve">Požadované minimálne technické vlastnosti, parametre a hodnoty predmetu zákazky
</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10.</t>
  </si>
  <si>
    <t>11.</t>
  </si>
  <si>
    <t>12.</t>
  </si>
  <si>
    <t>13.</t>
  </si>
  <si>
    <t>14.</t>
  </si>
  <si>
    <t>15.</t>
  </si>
  <si>
    <t>16.</t>
  </si>
  <si>
    <t>17.</t>
  </si>
  <si>
    <t>xxx</t>
  </si>
  <si>
    <t>2.1</t>
  </si>
  <si>
    <t>2.2</t>
  </si>
  <si>
    <t>2.3</t>
  </si>
  <si>
    <t>2.4</t>
  </si>
  <si>
    <t>2.5</t>
  </si>
  <si>
    <t>2.6</t>
  </si>
  <si>
    <t>17.1</t>
  </si>
  <si>
    <t>17.2</t>
  </si>
  <si>
    <t>18.</t>
  </si>
  <si>
    <t>19.</t>
  </si>
  <si>
    <t>20.</t>
  </si>
  <si>
    <t>21.</t>
  </si>
  <si>
    <t>22.</t>
  </si>
  <si>
    <t>23.</t>
  </si>
  <si>
    <t>24.</t>
  </si>
  <si>
    <t>Kontinuálny hemodialyzačný prístroj</t>
  </si>
  <si>
    <t>Jednoduchá obsluha a setovanie</t>
  </si>
  <si>
    <t xml:space="preserve">Univerzálna hemodiafiltračná súprava alebo samostatné súpravy podľa spôsobu antikoagulácie, vrátane hemofiltra, ktoré umožňujú vykonať všetky techniky kontinuálnej dialýzy </t>
  </si>
  <si>
    <t>Obsažný a zrozumiteľný systém nápovedy počas terapie (grafická a textová nápoveda)</t>
  </si>
  <si>
    <t>Heparínová antikoagulácia – (lineárný dávkovač,heparinová pumpa) - integrovaný do systému pre liečbu akútneho zlyhania obličiek</t>
  </si>
  <si>
    <t>Citrátová antikoagulácia (RCA) - integrovaný do systému pre liečbu akútneho zlyhania obličiek; podaný objem citrátu a kalcia je automaticky započítavaný v celkovej bilancii tekutín</t>
  </si>
  <si>
    <t>Detektor úniku krvi</t>
  </si>
  <si>
    <t>Detektor vzduchu</t>
  </si>
  <si>
    <t>Priebežné meranie prevádzkových tlakov, alarmy pri prekročení nastavených limitov</t>
  </si>
  <si>
    <t>Automatický test v dĺžke trvania do 10 min.</t>
  </si>
  <si>
    <t>Minimálne šesťpumpový systém</t>
  </si>
  <si>
    <t>Automatické plnenie a preplachovanie setov</t>
  </si>
  <si>
    <t>Krvný systém detekcie nepriechodnosti alebo nepripojenia snímačov prevádzkových tlakov</t>
  </si>
  <si>
    <t xml:space="preserve">Spotrebný materiál v kompletných sadách </t>
  </si>
  <si>
    <t>Automatický prepočet a úprava rýchlosti dávkovania citrátu a kalcia pri zmene parametrov terapie</t>
  </si>
  <si>
    <t>Automatické započítanie podaných objemov do celkovej bilancie prístroja - automatické bilancovanie tekutín</t>
  </si>
  <si>
    <t>Prístroj umožňujíci jednoduché prerušenie terapie na dobu viac než 4 hod.</t>
  </si>
  <si>
    <t>Terapeutické spektrum:</t>
  </si>
  <si>
    <t xml:space="preserve">Kontinuálna venovenózna hemofiltrácia (CVVH) </t>
  </si>
  <si>
    <t>Kontinuálna venovenózna hemodialýza (CVVHD)</t>
  </si>
  <si>
    <t>Kontinuálna venovenózna hemodiafiltrácia (CVVHDF)</t>
  </si>
  <si>
    <t>25.</t>
  </si>
  <si>
    <t>26.</t>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Kontinuálny hemodialyzačný prístroj vrátane spotrebného materiálu.</t>
  </si>
  <si>
    <t>Položka č. 1 - Kontinuálny hemodialyzačný prístroj</t>
  </si>
  <si>
    <t>Farebná LCD obrazovka aspoň 10´ dotykovým ovládaním alebo ovládaním otočným ovládačom s údajmi o terapii, grafické zobrazenie prevádzkových tlakov</t>
  </si>
  <si>
    <t>Možnosť ohrevu pacienta dialyzačným prístrojom</t>
  </si>
  <si>
    <t>Zabudovaný záložný akumulátor, ktorý v prípade výpadku elektr. energie  zabezpečí dostatočný čas na vrátenie krvi pacientovi a prípravu na vypnutie prístroja</t>
  </si>
  <si>
    <t xml:space="preserve">Veľkokapacitná váha </t>
  </si>
  <si>
    <t>Komunikácia s obsluhou v slovenskom alebo českom jazyku</t>
  </si>
  <si>
    <t>Objem mimotelového krvného obehu (set, kapilára) do 250 ml. krvi</t>
  </si>
  <si>
    <t>Minimálny rozsah dávky citrátu na 1 l. krvi pri citrátových terapiách (1,5 - 6,0 mmol.)</t>
  </si>
  <si>
    <t>Multifunkčný mobilný systém pre liečbu akútC39:C60neho zlyhania obličiek, automatizovaný prístroj</t>
  </si>
  <si>
    <t>3</t>
  </si>
  <si>
    <t>4</t>
  </si>
  <si>
    <t>5</t>
  </si>
  <si>
    <t>6</t>
  </si>
  <si>
    <t>7</t>
  </si>
  <si>
    <t>8</t>
  </si>
  <si>
    <t>Plocha hemofiltra: 1,2 - 2,0 m2</t>
  </si>
  <si>
    <t>Prietok krvi: 100 - 500ml/h</t>
  </si>
  <si>
    <t>Objem primingu: 73/96 - 130/300ml</t>
  </si>
  <si>
    <t>Hrúbka steny kapiláry/vnútorný lumen kapiláry: 30/200 - 35/220 µm</t>
  </si>
  <si>
    <t>Materiál membrány: polysulfón</t>
  </si>
  <si>
    <t>Ďalšie materiály: polyuretán, polykarbonát</t>
  </si>
  <si>
    <t>Tlakový spád hemofiltra: &lt;25 - 50 torr</t>
  </si>
  <si>
    <t>Najvyšší tmp hemofiltra: 600 torr</t>
  </si>
  <si>
    <t>Hadicový set musí byť kompatibilný s daným hemodialyzačným monitorom a hemofiltrom</t>
  </si>
  <si>
    <t>9</t>
  </si>
  <si>
    <t>Požaduje sa spotrebný materiál v kompletných sadách, ktorý musí byť kompatibilný s kontinuálnym hemodialyzačným prístrojom, ktorý uchádzač ponúka.</t>
  </si>
  <si>
    <t>33181520-3 Spotrebný materiál k obličkovej dialýze</t>
  </si>
  <si>
    <t>-</t>
  </si>
  <si>
    <t>10</t>
  </si>
  <si>
    <t>11</t>
  </si>
  <si>
    <t>12</t>
  </si>
  <si>
    <t xml:space="preserve">Požaduje sa spotrebný materiál v kompletných sadách </t>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t xml:space="preserve">Kalkulácia ceny - Štruktúrovaný rozpočet ceny predmetu zákazky </t>
  </si>
  <si>
    <t>Položka č. 2 - Spotrebný materiál pre kontinuálny hemodialyzačný prístroj</t>
  </si>
  <si>
    <t>Požaduje sa uzatvorenie rámcovej dohody na kúpu kontinuálnych hemodialyzačných prístrojov (ďalej len "zariadenie") vrátane spotrebného materiálu (ďalej len "tovar") na obdobie dvadsiatichštyroch (24) kalendárnych mesiacov, resp. do naplnenia dohodnutého zmluvného finančného objemu podľa toho, ktorá z uvedených skutočností nastane skôr.</t>
  </si>
  <si>
    <t>Požaduje sa dodanie nového, nepoužívaného a nerepasovaného zariadenia:</t>
  </si>
  <si>
    <t>do tridsiatich (30) pracovných dní od dňa nadobudnutia účinnosti zmluvy resp. odo dňa doručenia Oznámenia o splnení Objednávateľom stanovených podmienok a požiadaviek na predmet zákazky Dodávateľovi (ďalej len "Oznámenie"),</t>
  </si>
  <si>
    <t>v pracovných dňoch (do termínu sa nezapočítavajú dni pracovného voľna, pracovného pokoja a štátne sviatky),</t>
  </si>
  <si>
    <t>v čase od 08:00 hod. do 14:30 hod.,</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 xml:space="preserve">Objednávateľ zabezpečí za účelom prevzatia zariadenia prístup pre osoby poverené Dodávateľom na čas nevyhnutný na vyloženie, kompletizáciu a inštaláciu zariadenia. </t>
  </si>
  <si>
    <t xml:space="preserve">Prevzatie dodaného zariadenia je Objednávateľ povinný Dodávateľovi písomne potvrdiť na dodacom liste alebo preberacom protokole. Jedna kópia dodacieho listu alebo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Súčasťou záväzku Dodávateľa je zároveň poskytnutie písomných dokladov potrebných pre riadne a bezchybné použitie zariadenia na stanovený účel, a to najmä, no nie len výlučne: návod na použitie zariadenia v slovenskom jazyku, záručný list, preberací (akceptačný) protokol, inštalačný protokol, protokol o zaškolení zamestnancov Objednávateľa s obsluhou zariadenia.</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a pod. pre potreby plnenia zmluvy.</t>
  </si>
  <si>
    <t>Požaduje sa poskytovanie tovaru vo viacerých ucelených častiach, a to na základe písomných čiastkových výziev (ďalej len "objednávka") Objednávateľa s periodicitou a v minimálnych objemoch podľa jeho aktuálnych prevádzkových potrieb Objednávateľa.</t>
  </si>
  <si>
    <t>Požaduje sa dodanie tovaru:</t>
  </si>
  <si>
    <t>8.1</t>
  </si>
  <si>
    <t>do dvadsiatichštyroch (24) hodín od doručenia písomnej objednávky Dodávateľovi,</t>
  </si>
  <si>
    <t>8.2</t>
  </si>
  <si>
    <t>8.3</t>
  </si>
  <si>
    <t>v čase od 07:00 hod. do 15:00 hod.,</t>
  </si>
  <si>
    <t>8.4</t>
  </si>
  <si>
    <t>na dohodnuté miesto plnenia a zodpovednej osobe Objednávateľa (podrobnosti o mieste plnenia a zodpovednej osobe Objednávateľa budú Dodávateľovi upresnené bezprostredne po nadobudnutí účinnosti rámcovej dohody),</t>
  </si>
  <si>
    <t>8.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 xml:space="preserve">Dodávateľ je povinný k faktúre vždy priložiť kópiu objednávky (ak bola vyhotovená) Objednávateľa ako povinnú prílohu faktúry. Dodávateľ je rovnako povinný k faktúre priložiť kópiu dodacieho listu ako jej povinnú prílohu, okrem prípadov, kedy je faktúra doručená zároveň s dodacím listom. </t>
  </si>
  <si>
    <t>Dodávateľ je povinný vystaviť faktúru za dodané zariadenie/tovar v súlade s ustanovením §73 zákona č. 222/2004 Z. z. o dani z pridanej hodnoty v znení neskorších predpisov (ďalej len „zákon o DPH“), najneskôr však do piateho (5) pracovného dňa v mesiaci, nasledujúcom po mesiaci, v ktorom došlo k dodaniu zariadenia/tovaru podľa uzatvorenej kúpnej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Požaduje sa v zmysle § 340b ods. 5 zákona č. 513/1991 Z. z. Obchodného zákonníka v znení neskorších predpisov splatnosť faktúry v lehote šesťdesiatich (60) kalendárnych dní odo dňa jej doručenia Objednávateľovi. V prípade úhrady faktúry za dodanie prístroja Objednávateľom do štrnástich (14) kalendárnych dní odo dňa jej doručenia Objednávateľovi, sa Dodávateľ zaväzuje vystaviť dobropis vo výške ... %*  z fakturovanej sumy.                                                                                                                                                             *V prípade, ak sa Dodávateľ rozhodne Objednávateľovi poskytnúť zľavu za tzv. predčasnú úhradu (t.j. úhradu pred uplynutím lehoty splatnosti), uvedie výšku %, v akej bude zľava z fakturovanej sumy poskytnutá. Ak takúto zľavu Dodávateľ nechce poskytnúť, uvedie 0%.</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Požaduje sa, aby v prípade ak sa úspešným uchádzačom (t.j. Dodávateľom) po uplynutí lehoty na predkladanie ponúk, resp. po elektronickej aukcii stane:
-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 uchádzač, ktorý verejnému obstarávateľovi predložil aktuálnu cenovú ponuku pred vyhlásením tejto súťaže a jeho konečná jednotková cena za MJ bez DPH je vyššia ako cena ktorú predložil v aktuálnej cenovej ponuke pred vyhlásením tejto súťaže, tak:
verejný obstarávateľ vyzve úspešného uchádzača na podanie vysvetlenia k uvedenému a ak po prehodnotení písomného zdôvodnenia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neuzavrieť s uchádzačom zmluvný vzťah a zrušiť verejné obstarávanie v príslušnej časti predmetu zákazky a v prípade, ak je to relevantné, odstúpiť od zmluv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17.3</t>
  </si>
  <si>
    <t xml:space="preserve">vykonanie štandardných vylepšení zariadenia odporúčaných a predpísaných výrobcom zariadenia podľa rozhodnutia Dodávateľa, vrátane vykonania servisných aktualizácií, t.j. servisná aktualizácia softvérového vybavenia zariadenia, k splneniu uvedenej povinnosti sa vyžaduje poskytnutie súčinnosti Objednávateľa, </t>
  </si>
  <si>
    <t>17.4</t>
  </si>
  <si>
    <t>dodávky a zabudovanie náhradných dielov, ktoré sú potrebné k riadnej a bezporuchovej prevádzke zariadnia, vrátane demontáže, odvozu a likvidácie použitého a nepotrebného spotrebného materiálu, náplní a náhradných dielov,</t>
  </si>
  <si>
    <t>17.5</t>
  </si>
  <si>
    <t>vykonanie validácií a kalibrácií zariadenia (resp. jeho relevantných častí) s perididicitou podľa odporučenia výrobcu zariadenia, min. však jedenkrát ročne,</t>
  </si>
  <si>
    <t>17.6</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19. tejto časti,</t>
  </si>
  <si>
    <t>17.7</t>
  </si>
  <si>
    <t>vykonanie ďalších servisných úkonov a činností predpísaných príslušnou právnou úpravou a aplikovateľnými normami,</t>
  </si>
  <si>
    <t>17.8</t>
  </si>
  <si>
    <t>práce (servisné hodiny) a dojazdy servisných technikov dodávateľa do miesta inštalácie zariadenia v rámci zabezpečenia záručného servisu,</t>
  </si>
  <si>
    <t>17.9</t>
  </si>
  <si>
    <t>vykonanie akýchkoľvek neplánovaných opráv a údržby, ktoré nevyplývajú zo servisného plánu výrobcu zariadenia, ak takáto oprava je nevyhnutná za účelom zabezpečenia prevádzky zariadenia, vrátane generálnej opravy.</t>
  </si>
  <si>
    <t xml:space="preserve">Servisný technik Dodávateľa je povinný nastúpiť na odstránenie vady v mieste inštalácie zariadenia do štyridsiatichôsmich (48) hodín od nahlásenia v pracovný deň medzi 7:00 a 16:00 hod., resp. do 12:00 hod. nasledujúceho pracovného dňa, pokiaľ vada bola nahlásená po 16:00 hod. pracovného dňa alebo počas mimopracovného dňa. </t>
  </si>
  <si>
    <t>Dodávateľ je povinný počas trvania záručnej doby odstrániť vady v nasledujúcich lehotách od nástupu na opravu:</t>
  </si>
  <si>
    <t>19.1</t>
  </si>
  <si>
    <t>oprava vady, pri ktorej nie je potrebná dodávka náhradného dielu najneskôr do sedemdesiatichdvoch (72) hodín,</t>
  </si>
  <si>
    <t>19.2</t>
  </si>
  <si>
    <t>oprava vady s dodávkou náhradného dielu najneskôr do stodvadsiatich (120) hodín, resp. v závažných prípadoch v termíne po dohode s Objednávateľom.</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20.1</t>
  </si>
  <si>
    <t>nedodržanie lehoty príchodu servisného technika alebo nezačatie odstraňovania vady formou vzdialeného prístupu: 10,- € (slovom: desať EUR) za každú začatú hodinu omeškania, najviac však do výšky 10% kúpnej ceny zariadenia, a to pre každý jednotlivý prípad omeškania Dodávateľa,</t>
  </si>
  <si>
    <t>20.2</t>
  </si>
  <si>
    <t>nedodržanie dohodnutých lehôt na odstránenie vady: 10,- € (slovom: desať EUR) za každú začatú hodinu omeškania, najviac však do výšky 10% kúpnej ceny zariadenia, a to pre každý jednotlivý prípad omeškania Dodávateľa.</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 xml:space="preserve">25. </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27.</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28.</t>
  </si>
  <si>
    <t>Požaduje sa, aby sa Dodávateľ oboznámil s Etickým kódexom obchodných partnerov Objednávateľa zverejnenom na www.vusch.sk. Požaduje sa dodržiavanie etických zásad uvedených v Etickom kódexe objednávateľa.</t>
  </si>
  <si>
    <t>29.</t>
  </si>
  <si>
    <t>V prípade, ak sa na predmet zákazky vykonala prípravná trhová konzultácia, informácie k prípravnej trhovej konzultácie verejný obstarávateľ zverejňuje na www.vusch.sk/verejne-obstaravanie/.</t>
  </si>
  <si>
    <r>
      <rPr>
        <b/>
        <sz val="10"/>
        <color theme="1"/>
        <rFont val="Arial"/>
        <family val="2"/>
        <charset val="238"/>
      </rPr>
      <t>Prospektový materiál</t>
    </r>
    <r>
      <rPr>
        <sz val="10"/>
        <color theme="1"/>
        <rFont val="Arial"/>
        <family val="2"/>
        <charset val="238"/>
      </rPr>
      <t xml:space="preserve">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i>
    <t>Prístroj umožňujúci prerušenie terapie - odpojenie pacienta (vyšetrenie, hygiena) a následné pokračovanie v terapii</t>
  </si>
  <si>
    <t>Možnosť manipulácie s prístrojom v priebehu terapie bez toho, aby bolo narušené bilancovanie roztokov a antikoagulácie.</t>
  </si>
  <si>
    <t>Plne automatizovaná citrátová antikoagulácia pri terapiách CVVH, CVVHD,CVVHDF</t>
  </si>
  <si>
    <t>Metóda TPE (terapeutická výmena plazmy).</t>
  </si>
  <si>
    <t>Možnosť použiť antikoaguláciu heparínovú a citrátovú</t>
  </si>
  <si>
    <t>Kontinuálny hemodialyzačný prístroj vrátane spotrebného materiálu</t>
  </si>
  <si>
    <t>Spotrebný materiál pre kontinuálny hemodialyzačný prístroj</t>
  </si>
  <si>
    <t>33181100-3 Hemodialyzačné prístroje</t>
  </si>
  <si>
    <t>60000000-8 Dopravné služby (bez prepravy odpadu)</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b/>
      <i/>
      <sz val="10"/>
      <name val="Arial"/>
      <family val="2"/>
      <charset val="238"/>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0">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auto="1"/>
      </bottom>
      <diagonal/>
    </border>
    <border>
      <left style="medium">
        <color indexed="64"/>
      </left>
      <right style="thin">
        <color auto="1"/>
      </right>
      <top style="medium">
        <color indexed="64"/>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
      <left style="dotted">
        <color auto="1"/>
      </left>
      <right style="medium">
        <color auto="1"/>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right style="medium">
        <color indexed="64"/>
      </right>
      <top/>
      <bottom style="thin">
        <color auto="1"/>
      </bottom>
      <diagonal/>
    </border>
    <border>
      <left style="thin">
        <color auto="1"/>
      </left>
      <right style="dotted">
        <color auto="1"/>
      </right>
      <top/>
      <bottom/>
      <diagonal/>
    </border>
    <border>
      <left style="medium">
        <color auto="1"/>
      </left>
      <right style="thin">
        <color auto="1"/>
      </right>
      <top/>
      <bottom style="medium">
        <color auto="1"/>
      </bottom>
      <diagonal/>
    </border>
    <border>
      <left style="medium">
        <color auto="1"/>
      </left>
      <right/>
      <top/>
      <bottom style="thin">
        <color auto="1"/>
      </bottom>
      <diagonal/>
    </border>
    <border>
      <left/>
      <right/>
      <top/>
      <bottom style="thin">
        <color auto="1"/>
      </bottom>
      <diagonal/>
    </border>
    <border>
      <left style="thin">
        <color auto="1"/>
      </left>
      <right style="medium">
        <color indexed="64"/>
      </right>
      <top style="thin">
        <color auto="1"/>
      </top>
      <bottom/>
      <diagonal/>
    </border>
    <border>
      <left style="thin">
        <color auto="1"/>
      </left>
      <right style="medium">
        <color indexed="64"/>
      </right>
      <top/>
      <bottom style="thin">
        <color auto="1"/>
      </bottom>
      <diagonal/>
    </border>
    <border>
      <left style="medium">
        <color auto="1"/>
      </left>
      <right/>
      <top style="thin">
        <color auto="1"/>
      </top>
      <bottom style="thin">
        <color auto="1"/>
      </bottom>
      <diagonal/>
    </border>
    <border>
      <left style="thin">
        <color indexed="64"/>
      </left>
      <right style="thin">
        <color indexed="64"/>
      </right>
      <top/>
      <bottom style="medium">
        <color auto="1"/>
      </bottom>
      <diagonal/>
    </border>
    <border>
      <left style="medium">
        <color auto="1"/>
      </left>
      <right style="thin">
        <color auto="1"/>
      </right>
      <top/>
      <bottom style="thin">
        <color indexed="64"/>
      </bottom>
      <diagonal/>
    </border>
    <border>
      <left style="thin">
        <color auto="1"/>
      </left>
      <right style="thin">
        <color auto="1"/>
      </right>
      <top style="medium">
        <color auto="1"/>
      </top>
      <bottom style="thin">
        <color indexed="64"/>
      </bottom>
      <diagonal/>
    </border>
    <border>
      <left style="dotted">
        <color auto="1"/>
      </left>
      <right style="medium">
        <color auto="1"/>
      </right>
      <top/>
      <bottom style="medium">
        <color auto="1"/>
      </bottom>
      <diagonal/>
    </border>
    <border>
      <left style="medium">
        <color auto="1"/>
      </left>
      <right style="thin">
        <color auto="1"/>
      </right>
      <top style="thin">
        <color auto="1"/>
      </top>
      <bottom style="dotted">
        <color auto="1"/>
      </bottom>
      <diagonal/>
    </border>
    <border>
      <left style="thin">
        <color auto="1"/>
      </left>
      <right/>
      <top style="thin">
        <color auto="1"/>
      </top>
      <bottom style="dotted">
        <color auto="1"/>
      </bottom>
      <diagonal/>
    </border>
    <border>
      <left style="medium">
        <color auto="1"/>
      </left>
      <right style="thin">
        <color auto="1"/>
      </right>
      <top/>
      <bottom/>
      <diagonal/>
    </border>
    <border>
      <left style="thin">
        <color auto="1"/>
      </left>
      <right/>
      <top style="dotted">
        <color auto="1"/>
      </top>
      <bottom style="dotted">
        <color auto="1"/>
      </bottom>
      <diagonal/>
    </border>
    <border>
      <left style="medium">
        <color auto="1"/>
      </left>
      <right style="thin">
        <color auto="1"/>
      </right>
      <top style="dotted">
        <color auto="1"/>
      </top>
      <bottom/>
      <diagonal/>
    </border>
    <border>
      <left style="thin">
        <color auto="1"/>
      </left>
      <right style="thin">
        <color auto="1"/>
      </right>
      <top/>
      <bottom/>
      <diagonal/>
    </border>
    <border>
      <left style="medium">
        <color auto="1"/>
      </left>
      <right style="thin">
        <color auto="1"/>
      </right>
      <top style="dotted">
        <color auto="1"/>
      </top>
      <bottom style="dotted">
        <color auto="1"/>
      </bottom>
      <diagonal/>
    </border>
    <border>
      <left style="thin">
        <color auto="1"/>
      </left>
      <right/>
      <top/>
      <bottom style="thin">
        <color auto="1"/>
      </bottom>
      <diagonal/>
    </border>
    <border>
      <left style="medium">
        <color auto="1"/>
      </left>
      <right style="thin">
        <color auto="1"/>
      </right>
      <top style="dotted">
        <color indexed="64"/>
      </top>
      <bottom style="thin">
        <color auto="1"/>
      </bottom>
      <diagonal/>
    </border>
    <border>
      <left style="thin">
        <color auto="1"/>
      </left>
      <right/>
      <top style="dotted">
        <color auto="1"/>
      </top>
      <bottom style="thin">
        <color auto="1"/>
      </bottom>
      <diagonal/>
    </border>
    <border>
      <left style="medium">
        <color auto="1"/>
      </left>
      <right style="thin">
        <color auto="1"/>
      </right>
      <top/>
      <bottom style="dotted">
        <color auto="1"/>
      </bottom>
      <diagonal/>
    </border>
    <border>
      <left style="thin">
        <color indexed="64"/>
      </left>
      <right style="medium">
        <color auto="1"/>
      </right>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21"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18" xfId="0" applyNumberFormat="1" applyFont="1" applyBorder="1" applyAlignment="1">
      <alignment horizontal="center" vertical="center" wrapText="1"/>
    </xf>
    <xf numFmtId="0" fontId="7" fillId="0" borderId="20"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4" fillId="0" borderId="22"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13" fillId="0" borderId="12" xfId="0" applyFont="1" applyFill="1" applyBorder="1" applyAlignment="1">
      <alignment horizontal="center" vertical="center" wrapText="1"/>
    </xf>
    <xf numFmtId="49" fontId="4" fillId="0" borderId="25"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49" fontId="2" fillId="0" borderId="24"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2" xfId="0" applyNumberFormat="1" applyFont="1" applyBorder="1" applyAlignment="1">
      <alignment horizontal="center" vertical="center" wrapText="1"/>
    </xf>
    <xf numFmtId="0" fontId="2" fillId="0" borderId="31" xfId="0" applyNumberFormat="1" applyFont="1" applyBorder="1" applyAlignment="1">
      <alignment horizontal="center" vertical="center" wrapText="1"/>
    </xf>
    <xf numFmtId="0" fontId="2" fillId="0" borderId="33" xfId="0" applyNumberFormat="1" applyFont="1" applyBorder="1" applyAlignment="1">
      <alignment horizontal="center" vertical="center" wrapText="1"/>
    </xf>
    <xf numFmtId="49" fontId="2" fillId="0" borderId="24" xfId="0" applyNumberFormat="1" applyFont="1" applyBorder="1" applyAlignment="1">
      <alignment horizontal="center" vertical="center"/>
    </xf>
    <xf numFmtId="0" fontId="2" fillId="0" borderId="25" xfId="0" applyNumberFormat="1" applyFont="1" applyBorder="1" applyAlignment="1">
      <alignment vertical="center" wrapText="1"/>
    </xf>
    <xf numFmtId="0" fontId="2" fillId="0" borderId="35" xfId="0" applyNumberFormat="1" applyFont="1" applyBorder="1" applyAlignment="1">
      <alignment vertical="center" wrapText="1"/>
    </xf>
    <xf numFmtId="49" fontId="2" fillId="0" borderId="36" xfId="0" applyNumberFormat="1" applyFont="1" applyBorder="1" applyAlignment="1">
      <alignment vertical="center" wrapText="1"/>
    </xf>
    <xf numFmtId="49" fontId="2" fillId="0" borderId="13" xfId="0" applyNumberFormat="1" applyFont="1" applyBorder="1" applyAlignment="1">
      <alignment horizontal="center" vertical="center"/>
    </xf>
    <xf numFmtId="49" fontId="2" fillId="0" borderId="8" xfId="0" applyNumberFormat="1" applyFont="1" applyFill="1" applyBorder="1" applyAlignment="1">
      <alignment horizontal="center" vertical="center"/>
    </xf>
    <xf numFmtId="0" fontId="7" fillId="0" borderId="37" xfId="0" applyNumberFormat="1" applyFont="1" applyBorder="1" applyAlignment="1">
      <alignment horizontal="center" vertical="center" wrapText="1"/>
    </xf>
    <xf numFmtId="49" fontId="2" fillId="0" borderId="9" xfId="0" applyNumberFormat="1" applyFont="1" applyBorder="1" applyAlignment="1">
      <alignment horizontal="left" vertical="center" wrapText="1"/>
    </xf>
    <xf numFmtId="49" fontId="2" fillId="0" borderId="34" xfId="0" applyNumberFormat="1" applyFont="1" applyBorder="1" applyAlignment="1">
      <alignment horizontal="left" vertical="center" wrapText="1"/>
    </xf>
    <xf numFmtId="0" fontId="2" fillId="0" borderId="9" xfId="0" applyFont="1" applyFill="1" applyBorder="1" applyAlignment="1">
      <alignment horizontal="left" vertical="center" wrapText="1"/>
    </xf>
    <xf numFmtId="49" fontId="2" fillId="0" borderId="23" xfId="0" applyNumberFormat="1" applyFont="1" applyBorder="1" applyAlignment="1">
      <alignment horizontal="left" vertical="center" wrapText="1"/>
    </xf>
    <xf numFmtId="49" fontId="2" fillId="2" borderId="19" xfId="0" applyNumberFormat="1" applyFont="1" applyFill="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32" xfId="0" applyNumberFormat="1" applyFont="1" applyBorder="1" applyAlignment="1">
      <alignment horizontal="left" vertical="center" wrapText="1"/>
    </xf>
    <xf numFmtId="0" fontId="2" fillId="0" borderId="9" xfId="0"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0" fontId="4" fillId="0" borderId="0" xfId="0" applyFont="1" applyFill="1" applyAlignment="1">
      <alignment horizontal="left" vertical="top" wrapText="1"/>
    </xf>
    <xf numFmtId="16" fontId="5" fillId="0" borderId="0" xfId="0" applyNumberFormat="1" applyFont="1" applyFill="1" applyAlignment="1">
      <alignment horizontal="left" vertical="top" wrapText="1"/>
    </xf>
    <xf numFmtId="0" fontId="2" fillId="0" borderId="25" xfId="0" applyNumberFormat="1" applyFont="1" applyBorder="1" applyAlignment="1">
      <alignment horizontal="center" vertical="center" wrapText="1"/>
    </xf>
    <xf numFmtId="49" fontId="2" fillId="0" borderId="41" xfId="0" applyNumberFormat="1" applyFont="1" applyBorder="1" applyAlignment="1">
      <alignment horizontal="left" vertical="center" wrapText="1"/>
    </xf>
    <xf numFmtId="49" fontId="4" fillId="6" borderId="29" xfId="0" applyNumberFormat="1" applyFont="1" applyFill="1" applyBorder="1" applyAlignment="1">
      <alignment horizontal="center" vertical="center" wrapText="1"/>
    </xf>
    <xf numFmtId="49" fontId="2" fillId="0" borderId="42" xfId="0" applyNumberFormat="1" applyFont="1" applyBorder="1" applyAlignment="1">
      <alignment horizontal="left" vertical="center" wrapText="1"/>
    </xf>
    <xf numFmtId="49" fontId="4" fillId="0" borderId="12" xfId="0" applyNumberFormat="1" applyFont="1" applyFill="1" applyBorder="1" applyAlignment="1">
      <alignment horizontal="left" vertical="center" wrapText="1"/>
    </xf>
    <xf numFmtId="0" fontId="4" fillId="0" borderId="12" xfId="0" applyFont="1" applyBorder="1" applyAlignment="1">
      <alignment horizontal="left" vertical="center" wrapText="1" shrinkToFit="1"/>
    </xf>
    <xf numFmtId="0" fontId="2" fillId="0" borderId="12" xfId="0" applyFont="1" applyBorder="1" applyAlignment="1">
      <alignment horizontal="left" vertical="center" wrapText="1" shrinkToFit="1"/>
    </xf>
    <xf numFmtId="0" fontId="2" fillId="0" borderId="12" xfId="0" applyFont="1" applyBorder="1" applyAlignment="1">
      <alignment vertical="center" wrapText="1" shrinkToFit="1"/>
    </xf>
    <xf numFmtId="0" fontId="2" fillId="6" borderId="12" xfId="0" applyFont="1" applyFill="1" applyBorder="1" applyAlignment="1">
      <alignment horizontal="center" vertical="center" wrapText="1"/>
    </xf>
    <xf numFmtId="49" fontId="4" fillId="0" borderId="44" xfId="0" applyNumberFormat="1" applyFont="1" applyFill="1" applyBorder="1" applyAlignment="1">
      <alignment horizontal="left" vertical="center" wrapText="1"/>
    </xf>
    <xf numFmtId="0" fontId="13" fillId="6" borderId="12" xfId="0" applyFont="1" applyFill="1" applyBorder="1" applyAlignment="1">
      <alignment horizontal="center" vertical="center" wrapText="1"/>
    </xf>
    <xf numFmtId="49" fontId="2" fillId="0" borderId="45" xfId="0" applyNumberFormat="1" applyFont="1" applyFill="1" applyBorder="1" applyAlignment="1">
      <alignment horizontal="center" vertical="center" wrapText="1"/>
    </xf>
    <xf numFmtId="0" fontId="2" fillId="0" borderId="42" xfId="0" applyFont="1" applyFill="1" applyBorder="1" applyAlignment="1">
      <alignment horizontal="left" vertical="center" wrapText="1"/>
    </xf>
    <xf numFmtId="49" fontId="2" fillId="0" borderId="27" xfId="0" applyNumberFormat="1" applyFont="1" applyFill="1" applyBorder="1" applyAlignment="1">
      <alignment horizontal="center" vertical="center" wrapText="1"/>
    </xf>
    <xf numFmtId="0" fontId="2" fillId="0" borderId="46" xfId="0" applyFont="1" applyFill="1" applyBorder="1" applyAlignment="1">
      <alignment horizontal="left" vertical="center" wrapText="1"/>
    </xf>
    <xf numFmtId="49" fontId="2" fillId="0" borderId="38" xfId="0" applyNumberFormat="1" applyFont="1" applyFill="1" applyBorder="1" applyAlignment="1">
      <alignment horizontal="center" vertical="center" wrapText="1"/>
    </xf>
    <xf numFmtId="0" fontId="2" fillId="0" borderId="12"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47" xfId="0" applyFont="1" applyFill="1" applyBorder="1" applyAlignment="1">
      <alignment horizontal="left" vertical="center" wrapText="1"/>
    </xf>
    <xf numFmtId="0" fontId="2" fillId="0" borderId="30" xfId="0" applyFont="1" applyFill="1" applyBorder="1" applyAlignment="1">
      <alignment horizontal="center" vertical="center" wrapText="1"/>
    </xf>
    <xf numFmtId="0" fontId="4" fillId="6" borderId="5" xfId="0" applyFont="1" applyFill="1" applyBorder="1" applyAlignment="1">
      <alignment horizontal="left" vertical="center" wrapText="1"/>
    </xf>
    <xf numFmtId="0" fontId="4" fillId="0" borderId="12" xfId="0" applyFont="1" applyFill="1" applyBorder="1" applyAlignment="1">
      <alignment horizontal="left" vertical="top" wrapText="1"/>
    </xf>
    <xf numFmtId="49" fontId="2" fillId="0" borderId="48" xfId="0" applyNumberFormat="1" applyFont="1" applyFill="1" applyBorder="1" applyAlignment="1">
      <alignment horizontal="center" vertical="center" wrapText="1"/>
    </xf>
    <xf numFmtId="0" fontId="4" fillId="6" borderId="49" xfId="0" applyFont="1" applyFill="1" applyBorder="1" applyAlignment="1">
      <alignment horizontal="left" vertical="center" wrapText="1"/>
    </xf>
    <xf numFmtId="49" fontId="2" fillId="0" borderId="50" xfId="0" applyNumberFormat="1" applyFont="1" applyFill="1" applyBorder="1" applyAlignment="1">
      <alignment horizontal="right" vertical="center" wrapText="1"/>
    </xf>
    <xf numFmtId="0" fontId="4" fillId="6" borderId="51" xfId="0" applyFont="1" applyFill="1" applyBorder="1" applyAlignment="1">
      <alignment horizontal="left" vertical="center" wrapText="1"/>
    </xf>
    <xf numFmtId="49" fontId="2" fillId="0" borderId="52" xfId="0" applyNumberFormat="1" applyFont="1" applyFill="1" applyBorder="1" applyAlignment="1">
      <alignment horizontal="right" vertical="center" wrapText="1"/>
    </xf>
    <xf numFmtId="0" fontId="4" fillId="0" borderId="53" xfId="0" applyFont="1" applyFill="1" applyBorder="1" applyAlignment="1">
      <alignment horizontal="left" vertical="center" wrapText="1"/>
    </xf>
    <xf numFmtId="49" fontId="2" fillId="0" borderId="54" xfId="0" applyNumberFormat="1" applyFont="1" applyFill="1" applyBorder="1" applyAlignment="1">
      <alignment horizontal="right" vertical="center" wrapText="1"/>
    </xf>
    <xf numFmtId="49" fontId="2" fillId="0" borderId="45" xfId="0" applyNumberFormat="1" applyFont="1" applyFill="1" applyBorder="1" applyAlignment="1">
      <alignment horizontal="right" vertical="center" wrapText="1"/>
    </xf>
    <xf numFmtId="0" fontId="4" fillId="0" borderId="33" xfId="0" applyFont="1" applyFill="1" applyBorder="1" applyAlignment="1">
      <alignment horizontal="left" vertical="center" wrapText="1"/>
    </xf>
    <xf numFmtId="49" fontId="2" fillId="0" borderId="8" xfId="0" applyNumberFormat="1" applyFont="1" applyFill="1" applyBorder="1" applyAlignment="1">
      <alignment horizontal="right" vertical="center" wrapText="1"/>
    </xf>
    <xf numFmtId="0" fontId="4" fillId="6" borderId="12" xfId="0" applyFont="1" applyFill="1" applyBorder="1" applyAlignment="1">
      <alignment horizontal="left" vertical="center" wrapText="1"/>
    </xf>
    <xf numFmtId="0" fontId="15" fillId="6" borderId="0" xfId="0" applyFont="1" applyFill="1" applyBorder="1" applyAlignment="1">
      <alignment horizontal="justify" vertical="center"/>
    </xf>
    <xf numFmtId="0" fontId="4" fillId="6" borderId="55" xfId="0" applyFont="1" applyFill="1" applyBorder="1" applyAlignment="1">
      <alignment horizontal="left" vertical="center" wrapText="1"/>
    </xf>
    <xf numFmtId="0" fontId="4" fillId="6" borderId="31" xfId="0" applyFont="1" applyFill="1" applyBorder="1" applyAlignment="1">
      <alignment horizontal="left" vertical="center" wrapText="1"/>
    </xf>
    <xf numFmtId="49" fontId="2" fillId="0" borderId="56" xfId="0" applyNumberFormat="1" applyFont="1" applyFill="1" applyBorder="1" applyAlignment="1">
      <alignment horizontal="right" vertical="center" wrapText="1"/>
    </xf>
    <xf numFmtId="49" fontId="4" fillId="0" borderId="8" xfId="0" applyNumberFormat="1" applyFont="1" applyFill="1" applyBorder="1" applyAlignment="1">
      <alignment horizontal="center" vertical="center" wrapText="1"/>
    </xf>
    <xf numFmtId="49" fontId="4" fillId="0" borderId="48" xfId="0" applyNumberFormat="1" applyFont="1" applyFill="1" applyBorder="1" applyAlignment="1">
      <alignment horizontal="center" vertical="center" wrapText="1"/>
    </xf>
    <xf numFmtId="49" fontId="4" fillId="0" borderId="54" xfId="0" applyNumberFormat="1" applyFont="1" applyFill="1" applyBorder="1" applyAlignment="1">
      <alignment horizontal="right" vertical="center" wrapText="1"/>
    </xf>
    <xf numFmtId="49" fontId="4" fillId="0" borderId="45" xfId="0" applyNumberFormat="1" applyFont="1" applyFill="1" applyBorder="1" applyAlignment="1">
      <alignment horizontal="right" vertical="center" wrapText="1"/>
    </xf>
    <xf numFmtId="0" fontId="4" fillId="6" borderId="57" xfId="0" applyFont="1" applyFill="1" applyBorder="1" applyAlignment="1">
      <alignment horizontal="left" vertical="center" wrapText="1"/>
    </xf>
    <xf numFmtId="49" fontId="4" fillId="0" borderId="58" xfId="0" applyNumberFormat="1" applyFont="1" applyFill="1" applyBorder="1" applyAlignment="1">
      <alignment horizontal="right" vertical="center" wrapText="1"/>
    </xf>
    <xf numFmtId="0" fontId="4" fillId="0" borderId="51" xfId="0" applyFont="1" applyFill="1" applyBorder="1" applyAlignment="1">
      <alignment horizontal="left" vertical="center" wrapText="1"/>
    </xf>
    <xf numFmtId="0" fontId="4" fillId="0" borderId="57" xfId="0" applyFont="1" applyFill="1" applyBorder="1" applyAlignment="1">
      <alignment horizontal="left" vertical="center" wrapText="1"/>
    </xf>
    <xf numFmtId="49" fontId="4" fillId="0" borderId="45" xfId="0" applyNumberFormat="1" applyFont="1" applyFill="1" applyBorder="1" applyAlignment="1">
      <alignment horizontal="center" vertical="center" wrapText="1"/>
    </xf>
    <xf numFmtId="0" fontId="4" fillId="6" borderId="25" xfId="0" applyFont="1" applyFill="1" applyBorder="1" applyAlignment="1">
      <alignment horizontal="left" vertical="center" wrapText="1"/>
    </xf>
    <xf numFmtId="49" fontId="2" fillId="0" borderId="0" xfId="0" applyNumberFormat="1" applyFont="1" applyFill="1" applyBorder="1" applyAlignment="1">
      <alignment horizontal="center" vertical="center" wrapText="1"/>
    </xf>
    <xf numFmtId="0" fontId="4" fillId="0" borderId="0" xfId="0"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59" xfId="0" applyFont="1" applyFill="1" applyBorder="1" applyAlignment="1">
      <alignment horizontal="left" vertical="center" wrapText="1"/>
    </xf>
    <xf numFmtId="0" fontId="2" fillId="0" borderId="44" xfId="0" applyFont="1" applyFill="1" applyBorder="1" applyAlignment="1">
      <alignment horizontal="left" vertical="center" wrapText="1"/>
    </xf>
    <xf numFmtId="0" fontId="4" fillId="0" borderId="0" xfId="0" applyFont="1" applyFill="1" applyAlignment="1">
      <alignment horizontal="left" vertical="top"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0" xfId="0" applyFont="1" applyAlignment="1">
      <alignment horizontal="left"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4" fillId="0" borderId="0" xfId="0" applyFont="1" applyAlignment="1">
      <alignment horizontal="left" vertical="top" wrapText="1"/>
    </xf>
    <xf numFmtId="0" fontId="4" fillId="0" borderId="0" xfId="0" applyNumberFormat="1" applyFont="1" applyFill="1" applyAlignment="1">
      <alignment horizontal="left" vertical="top"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49" fontId="5" fillId="5" borderId="10"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14" fillId="6" borderId="39" xfId="0" applyNumberFormat="1" applyFont="1" applyFill="1" applyBorder="1" applyAlignment="1">
      <alignment horizontal="left" vertical="center" wrapText="1"/>
    </xf>
    <xf numFmtId="49" fontId="14" fillId="6" borderId="40" xfId="0" applyNumberFormat="1" applyFont="1" applyFill="1" applyBorder="1" applyAlignment="1">
      <alignment horizontal="left" vertical="center" wrapText="1"/>
    </xf>
    <xf numFmtId="49" fontId="3" fillId="5" borderId="43" xfId="0" applyNumberFormat="1" applyFont="1" applyFill="1" applyBorder="1" applyAlignment="1">
      <alignment horizontal="left" vertical="center"/>
    </xf>
    <xf numFmtId="49" fontId="3" fillId="5" borderId="28" xfId="0" applyNumberFormat="1" applyFont="1" applyFill="1" applyBorder="1" applyAlignment="1">
      <alignment horizontal="left" vertical="center"/>
    </xf>
    <xf numFmtId="49" fontId="3" fillId="5" borderId="29" xfId="0" applyNumberFormat="1" applyFont="1" applyFill="1" applyBorder="1" applyAlignment="1">
      <alignment horizontal="left" vertical="center"/>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30">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4</xdr:row>
          <xdr:rowOff>0</xdr:rowOff>
        </xdr:from>
        <xdr:to>
          <xdr:col>1</xdr:col>
          <xdr:colOff>885825</xdr:colOff>
          <xdr:row>24</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5</xdr:row>
          <xdr:rowOff>9525</xdr:rowOff>
        </xdr:from>
        <xdr:to>
          <xdr:col>1</xdr:col>
          <xdr:colOff>885825</xdr:colOff>
          <xdr:row>25</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2</xdr:row>
          <xdr:rowOff>9525</xdr:rowOff>
        </xdr:from>
        <xdr:to>
          <xdr:col>1</xdr:col>
          <xdr:colOff>885825</xdr:colOff>
          <xdr:row>32</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0</xdr:rowOff>
        </xdr:from>
        <xdr:to>
          <xdr:col>1</xdr:col>
          <xdr:colOff>88582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F186"/>
  <sheetViews>
    <sheetView showGridLines="0" tabSelected="1" topLeftCell="A73" zoomScale="80" zoomScaleNormal="80" workbookViewId="0">
      <selection activeCell="F32" sqref="F32"/>
    </sheetView>
  </sheetViews>
  <sheetFormatPr defaultRowHeight="12.75" x14ac:dyDescent="0.2"/>
  <cols>
    <col min="1" max="1" width="1.85546875" style="1" customWidth="1"/>
    <col min="2" max="2" width="15.42578125" style="1" customWidth="1"/>
    <col min="3" max="3" width="70.42578125" style="1" customWidth="1"/>
    <col min="4" max="4" width="19.42578125" style="8" customWidth="1"/>
    <col min="5" max="5" width="50.42578125" style="2" customWidth="1"/>
    <col min="6" max="6" width="17.140625" style="1" customWidth="1"/>
    <col min="7" max="7" width="9.140625" style="1"/>
    <col min="8" max="8" width="9.140625" style="1" customWidth="1"/>
    <col min="9" max="16384" width="9.140625" style="1"/>
  </cols>
  <sheetData>
    <row r="1" spans="2:5" ht="24" customHeight="1" x14ac:dyDescent="0.2">
      <c r="B1" s="158" t="s">
        <v>43</v>
      </c>
      <c r="C1" s="158"/>
      <c r="D1" s="158"/>
      <c r="E1" s="158"/>
    </row>
    <row r="2" spans="2:5" ht="27.75" customHeight="1" x14ac:dyDescent="0.2">
      <c r="B2" s="157" t="s">
        <v>41</v>
      </c>
      <c r="C2" s="157"/>
      <c r="D2" s="157"/>
      <c r="E2" s="157"/>
    </row>
    <row r="3" spans="2:5" ht="54.75" customHeight="1" x14ac:dyDescent="0.2">
      <c r="B3" s="159" t="s">
        <v>47</v>
      </c>
      <c r="C3" s="159"/>
      <c r="D3" s="159"/>
      <c r="E3" s="159"/>
    </row>
    <row r="4" spans="2:5" ht="24.95" customHeight="1" x14ac:dyDescent="0.2">
      <c r="B4" s="42" t="s">
        <v>46</v>
      </c>
      <c r="C4" s="43"/>
      <c r="D4" s="37"/>
      <c r="E4" s="37"/>
    </row>
    <row r="5" spans="2:5" ht="24.95" customHeight="1" x14ac:dyDescent="0.2">
      <c r="B5" s="42" t="s">
        <v>44</v>
      </c>
      <c r="C5" s="44"/>
      <c r="D5" s="37"/>
      <c r="E5" s="37"/>
    </row>
    <row r="6" spans="2:5" ht="5.0999999999999996" customHeight="1" x14ac:dyDescent="0.2">
      <c r="B6" s="37"/>
      <c r="C6" s="37"/>
      <c r="D6" s="37"/>
      <c r="E6" s="37"/>
    </row>
    <row r="7" spans="2:5" s="2" customFormat="1" ht="20.100000000000001" customHeight="1" x14ac:dyDescent="0.25">
      <c r="B7" s="133" t="s">
        <v>3</v>
      </c>
      <c r="C7" s="133"/>
      <c r="D7" s="133"/>
      <c r="E7" s="133"/>
    </row>
    <row r="8" spans="2:5" s="2" customFormat="1" ht="20.100000000000001" customHeight="1" x14ac:dyDescent="0.25">
      <c r="B8" s="160" t="s">
        <v>7</v>
      </c>
      <c r="C8" s="160"/>
      <c r="D8" s="160"/>
      <c r="E8" s="160"/>
    </row>
    <row r="9" spans="2:5" ht="24.95" customHeight="1" x14ac:dyDescent="0.2">
      <c r="B9" s="147" t="s">
        <v>109</v>
      </c>
      <c r="C9" s="147"/>
      <c r="D9" s="147"/>
      <c r="E9" s="147"/>
    </row>
    <row r="10" spans="2:5" ht="4.5" customHeight="1" x14ac:dyDescent="0.2">
      <c r="B10" s="39"/>
      <c r="C10" s="39"/>
      <c r="D10" s="39"/>
      <c r="E10" s="39"/>
    </row>
    <row r="11" spans="2:5" s="2" customFormat="1" ht="20.100000000000001" customHeight="1" x14ac:dyDescent="0.25">
      <c r="B11" s="161" t="s">
        <v>8</v>
      </c>
      <c r="C11" s="161"/>
      <c r="D11" s="161"/>
      <c r="E11" s="161"/>
    </row>
    <row r="12" spans="2:5" s="2" customFormat="1" ht="20.100000000000001" customHeight="1" x14ac:dyDescent="0.25">
      <c r="B12" s="132" t="s">
        <v>225</v>
      </c>
      <c r="C12" s="132"/>
      <c r="D12" s="132"/>
      <c r="E12" s="47"/>
    </row>
    <row r="13" spans="2:5" s="2" customFormat="1" ht="20.100000000000001" customHeight="1" x14ac:dyDescent="0.25">
      <c r="B13" s="132" t="s">
        <v>136</v>
      </c>
      <c r="C13" s="132"/>
      <c r="D13" s="77"/>
      <c r="E13" s="78"/>
    </row>
    <row r="14" spans="2:5" s="3" customFormat="1" ht="20.100000000000001" customHeight="1" x14ac:dyDescent="0.25">
      <c r="B14" s="132" t="s">
        <v>226</v>
      </c>
      <c r="C14" s="132"/>
      <c r="D14" s="132"/>
      <c r="E14" s="18"/>
    </row>
    <row r="15" spans="2:5" ht="4.5" customHeight="1" x14ac:dyDescent="0.2">
      <c r="B15" s="48"/>
      <c r="C15" s="48"/>
      <c r="D15" s="48"/>
      <c r="E15" s="39"/>
    </row>
    <row r="16" spans="2:5" ht="20.100000000000001" customHeight="1" x14ac:dyDescent="0.2">
      <c r="B16" s="38" t="s">
        <v>9</v>
      </c>
      <c r="C16" s="19"/>
      <c r="D16" s="19"/>
      <c r="E16" s="20"/>
    </row>
    <row r="17" spans="2:5" s="3" customFormat="1" ht="20.25" customHeight="1" x14ac:dyDescent="0.25">
      <c r="B17" s="146" t="s">
        <v>52</v>
      </c>
      <c r="C17" s="146"/>
      <c r="D17" s="146"/>
      <c r="E17" s="18"/>
    </row>
    <row r="18" spans="2:5" ht="5.0999999999999996" customHeight="1" x14ac:dyDescent="0.2">
      <c r="B18" s="143"/>
      <c r="C18" s="143"/>
      <c r="D18" s="143"/>
      <c r="E18" s="15"/>
    </row>
    <row r="19" spans="2:5" s="2" customFormat="1" ht="20.100000000000001" customHeight="1" x14ac:dyDescent="0.25">
      <c r="B19" s="133" t="s">
        <v>21</v>
      </c>
      <c r="C19" s="133"/>
      <c r="D19" s="133"/>
      <c r="E19" s="133"/>
    </row>
    <row r="20" spans="2:5" ht="19.5" customHeight="1" x14ac:dyDescent="0.2">
      <c r="B20" s="147" t="s">
        <v>223</v>
      </c>
      <c r="C20" s="147"/>
      <c r="D20" s="147"/>
      <c r="E20" s="147"/>
    </row>
    <row r="21" spans="2:5" ht="5.0999999999999996" customHeight="1" x14ac:dyDescent="0.2">
      <c r="B21" s="143"/>
      <c r="C21" s="143"/>
      <c r="D21" s="143"/>
      <c r="E21" s="15"/>
    </row>
    <row r="22" spans="2:5" s="2" customFormat="1" ht="20.100000000000001" customHeight="1" x14ac:dyDescent="0.25">
      <c r="B22" s="133" t="s">
        <v>22</v>
      </c>
      <c r="C22" s="133"/>
      <c r="D22" s="133"/>
      <c r="E22" s="133"/>
    </row>
    <row r="23" spans="2:5" s="9" customFormat="1" ht="20.100000000000001" customHeight="1" x14ac:dyDescent="0.25">
      <c r="B23" s="138" t="s">
        <v>4</v>
      </c>
      <c r="C23" s="138"/>
      <c r="D23" s="138"/>
      <c r="E23" s="138"/>
    </row>
    <row r="24" spans="2:5" s="9" customFormat="1" ht="20.100000000000001" customHeight="1" x14ac:dyDescent="0.25">
      <c r="B24" s="141" t="s">
        <v>15</v>
      </c>
      <c r="C24" s="142"/>
      <c r="D24" s="14"/>
      <c r="E24" s="14"/>
    </row>
    <row r="25" spans="2:5" s="9" customFormat="1" ht="20.100000000000001" customHeight="1" x14ac:dyDescent="0.25">
      <c r="B25" s="13"/>
      <c r="C25" s="13" t="s">
        <v>19</v>
      </c>
      <c r="D25" s="14"/>
      <c r="E25" s="14"/>
    </row>
    <row r="26" spans="2:5" s="9" customFormat="1" ht="20.100000000000001" customHeight="1" x14ac:dyDescent="0.25">
      <c r="B26" s="13"/>
      <c r="C26" s="13" t="s">
        <v>20</v>
      </c>
      <c r="D26" s="14"/>
      <c r="E26" s="14"/>
    </row>
    <row r="27" spans="2:5" s="9" customFormat="1" ht="20.100000000000001" customHeight="1" x14ac:dyDescent="0.25">
      <c r="B27" s="141" t="s">
        <v>16</v>
      </c>
      <c r="C27" s="142"/>
      <c r="D27" s="14"/>
      <c r="E27" s="14"/>
    </row>
    <row r="28" spans="2:5" s="9" customFormat="1" ht="31.5" customHeight="1" x14ac:dyDescent="0.25">
      <c r="B28" s="16" t="s">
        <v>17</v>
      </c>
      <c r="C28" s="139" t="s">
        <v>10</v>
      </c>
      <c r="D28" s="140"/>
      <c r="E28" s="17" t="s">
        <v>11</v>
      </c>
    </row>
    <row r="29" spans="2:5" s="9" customFormat="1" ht="24.95" customHeight="1" x14ac:dyDescent="0.25">
      <c r="B29" s="87" t="s">
        <v>13</v>
      </c>
      <c r="C29" s="170" t="s">
        <v>85</v>
      </c>
      <c r="D29" s="171"/>
      <c r="E29" s="49">
        <v>2</v>
      </c>
    </row>
    <row r="30" spans="2:5" s="9" customFormat="1" ht="24.95" customHeight="1" x14ac:dyDescent="0.25">
      <c r="B30" s="87" t="s">
        <v>53</v>
      </c>
      <c r="C30" s="144" t="s">
        <v>224</v>
      </c>
      <c r="D30" s="145"/>
      <c r="E30" s="89" t="s">
        <v>137</v>
      </c>
    </row>
    <row r="31" spans="2:5" s="9" customFormat="1" ht="4.5" customHeight="1" x14ac:dyDescent="0.25">
      <c r="B31" s="14"/>
      <c r="C31" s="14"/>
      <c r="D31" s="14"/>
      <c r="E31" s="14"/>
    </row>
    <row r="32" spans="2:5" s="9" customFormat="1" ht="20.100000000000001" customHeight="1" x14ac:dyDescent="0.25">
      <c r="B32" s="141" t="s">
        <v>18</v>
      </c>
      <c r="C32" s="142"/>
      <c r="D32" s="14"/>
      <c r="E32" s="14"/>
    </row>
    <row r="33" spans="2:6" s="9" customFormat="1" ht="20.100000000000001" customHeight="1" x14ac:dyDescent="0.2">
      <c r="B33" s="10"/>
      <c r="C33" s="9" t="s">
        <v>1</v>
      </c>
      <c r="D33" s="14"/>
      <c r="E33" s="14"/>
    </row>
    <row r="34" spans="2:6" s="9" customFormat="1" ht="20.100000000000001" customHeight="1" x14ac:dyDescent="0.25">
      <c r="B34" s="13"/>
      <c r="C34" s="2" t="s">
        <v>2</v>
      </c>
      <c r="D34" s="14"/>
      <c r="E34" s="14"/>
    </row>
    <row r="35" spans="2:6" ht="5.0999999999999996" customHeight="1" x14ac:dyDescent="0.2"/>
    <row r="36" spans="2:6" s="2" customFormat="1" ht="20.100000000000001" customHeight="1" x14ac:dyDescent="0.25">
      <c r="B36" s="133" t="s">
        <v>23</v>
      </c>
      <c r="C36" s="133"/>
      <c r="D36" s="133"/>
      <c r="E36" s="133"/>
    </row>
    <row r="37" spans="2:6" s="2" customFormat="1" ht="5.0999999999999996" customHeight="1" thickBot="1" x14ac:dyDescent="0.3">
      <c r="B37" s="15"/>
      <c r="D37" s="6"/>
      <c r="E37" s="6"/>
    </row>
    <row r="38" spans="2:6" s="3" customFormat="1" ht="72" customHeight="1" x14ac:dyDescent="0.25">
      <c r="B38" s="134" t="s">
        <v>0</v>
      </c>
      <c r="C38" s="135"/>
      <c r="D38" s="155" t="s">
        <v>24</v>
      </c>
      <c r="E38" s="156"/>
      <c r="F38" s="21"/>
    </row>
    <row r="39" spans="2:6" s="3" customFormat="1" ht="30" customHeight="1" thickBot="1" x14ac:dyDescent="0.3">
      <c r="B39" s="136"/>
      <c r="C39" s="137"/>
      <c r="D39" s="22" t="s">
        <v>25</v>
      </c>
      <c r="E39" s="68"/>
    </row>
    <row r="40" spans="2:6" s="23" customFormat="1" ht="30.75" customHeight="1" x14ac:dyDescent="0.25">
      <c r="B40" s="162" t="s">
        <v>110</v>
      </c>
      <c r="C40" s="163"/>
      <c r="D40" s="163"/>
      <c r="E40" s="164"/>
    </row>
    <row r="41" spans="2:6" s="4" customFormat="1" ht="29.25" customHeight="1" x14ac:dyDescent="0.25">
      <c r="B41" s="45" t="s">
        <v>13</v>
      </c>
      <c r="C41" s="84" t="s">
        <v>118</v>
      </c>
      <c r="D41" s="53"/>
      <c r="E41" s="76"/>
    </row>
    <row r="42" spans="2:6" s="4" customFormat="1" ht="39.75" customHeight="1" x14ac:dyDescent="0.25">
      <c r="B42" s="45" t="s">
        <v>53</v>
      </c>
      <c r="C42" s="85" t="s">
        <v>111</v>
      </c>
      <c r="D42" s="53"/>
      <c r="E42" s="64"/>
    </row>
    <row r="43" spans="2:6" s="4" customFormat="1" ht="29.25" customHeight="1" x14ac:dyDescent="0.25">
      <c r="B43" s="45" t="s">
        <v>54</v>
      </c>
      <c r="C43" s="85" t="s">
        <v>86</v>
      </c>
      <c r="D43" s="53"/>
      <c r="E43" s="64"/>
    </row>
    <row r="44" spans="2:6" s="4" customFormat="1" ht="42.75" customHeight="1" x14ac:dyDescent="0.25">
      <c r="B44" s="45" t="s">
        <v>55</v>
      </c>
      <c r="C44" s="85" t="s">
        <v>87</v>
      </c>
      <c r="D44" s="55"/>
      <c r="E44" s="70"/>
    </row>
    <row r="45" spans="2:6" s="4" customFormat="1" ht="29.25" customHeight="1" x14ac:dyDescent="0.25">
      <c r="B45" s="45" t="s">
        <v>56</v>
      </c>
      <c r="C45" s="86" t="s">
        <v>88</v>
      </c>
      <c r="D45" s="55"/>
      <c r="E45" s="64"/>
    </row>
    <row r="46" spans="2:6" s="4" customFormat="1" ht="29.25" customHeight="1" x14ac:dyDescent="0.25">
      <c r="B46" s="45" t="s">
        <v>57</v>
      </c>
      <c r="C46" s="86" t="s">
        <v>89</v>
      </c>
      <c r="D46" s="56"/>
      <c r="E46" s="82"/>
    </row>
    <row r="47" spans="2:6" s="4" customFormat="1" ht="41.25" customHeight="1" x14ac:dyDescent="0.25">
      <c r="B47" s="57" t="s">
        <v>58</v>
      </c>
      <c r="C47" s="86" t="s">
        <v>90</v>
      </c>
      <c r="D47" s="53"/>
      <c r="E47" s="64"/>
    </row>
    <row r="48" spans="2:6" s="4" customFormat="1" ht="29.25" customHeight="1" x14ac:dyDescent="0.25">
      <c r="B48" s="45" t="s">
        <v>59</v>
      </c>
      <c r="C48" s="85" t="s">
        <v>91</v>
      </c>
      <c r="D48" s="53"/>
      <c r="E48" s="64"/>
    </row>
    <row r="49" spans="2:5" s="4" customFormat="1" ht="29.25" customHeight="1" x14ac:dyDescent="0.25">
      <c r="B49" s="45" t="s">
        <v>60</v>
      </c>
      <c r="C49" s="85" t="s">
        <v>92</v>
      </c>
      <c r="D49" s="53"/>
      <c r="E49" s="64"/>
    </row>
    <row r="50" spans="2:5" s="4" customFormat="1" ht="29.25" customHeight="1" x14ac:dyDescent="0.25">
      <c r="B50" s="57" t="s">
        <v>61</v>
      </c>
      <c r="C50" s="85" t="s">
        <v>112</v>
      </c>
      <c r="D50" s="58"/>
      <c r="E50" s="69"/>
    </row>
    <row r="51" spans="2:5" s="4" customFormat="1" ht="39.75" customHeight="1" x14ac:dyDescent="0.25">
      <c r="B51" s="57" t="s">
        <v>62</v>
      </c>
      <c r="C51" s="85" t="s">
        <v>113</v>
      </c>
      <c r="D51" s="59"/>
      <c r="E51" s="60"/>
    </row>
    <row r="52" spans="2:5" s="4" customFormat="1" ht="29.25" customHeight="1" x14ac:dyDescent="0.25">
      <c r="B52" s="57" t="s">
        <v>63</v>
      </c>
      <c r="C52" s="85" t="s">
        <v>93</v>
      </c>
      <c r="D52" s="53"/>
      <c r="E52" s="64"/>
    </row>
    <row r="53" spans="2:5" s="4" customFormat="1" ht="29.25" customHeight="1" x14ac:dyDescent="0.25">
      <c r="B53" s="57" t="s">
        <v>64</v>
      </c>
      <c r="C53" s="85" t="s">
        <v>114</v>
      </c>
      <c r="D53" s="53"/>
      <c r="E53" s="64"/>
    </row>
    <row r="54" spans="2:5" s="4" customFormat="1" ht="29.25" customHeight="1" x14ac:dyDescent="0.25">
      <c r="B54" s="57" t="s">
        <v>65</v>
      </c>
      <c r="C54" s="85" t="s">
        <v>115</v>
      </c>
      <c r="D54" s="53"/>
      <c r="E54" s="64"/>
    </row>
    <row r="55" spans="2:5" s="4" customFormat="1" ht="29.25" customHeight="1" x14ac:dyDescent="0.25">
      <c r="B55" s="57" t="s">
        <v>66</v>
      </c>
      <c r="C55" s="85" t="s">
        <v>94</v>
      </c>
      <c r="D55" s="53"/>
      <c r="E55" s="64"/>
    </row>
    <row r="56" spans="2:5" s="4" customFormat="1" ht="29.25" customHeight="1" x14ac:dyDescent="0.25">
      <c r="B56" s="45" t="s">
        <v>67</v>
      </c>
      <c r="C56" s="85" t="s">
        <v>95</v>
      </c>
      <c r="D56" s="55"/>
      <c r="E56" s="70"/>
    </row>
    <row r="57" spans="2:5" s="4" customFormat="1" ht="29.25" customHeight="1" x14ac:dyDescent="0.25">
      <c r="B57" s="45" t="s">
        <v>68</v>
      </c>
      <c r="C57" s="85" t="s">
        <v>116</v>
      </c>
      <c r="D57" s="53"/>
      <c r="E57" s="64"/>
    </row>
    <row r="58" spans="2:5" s="4" customFormat="1" ht="29.25" customHeight="1" x14ac:dyDescent="0.25">
      <c r="B58" s="45" t="s">
        <v>78</v>
      </c>
      <c r="C58" s="85" t="s">
        <v>218</v>
      </c>
      <c r="D58" s="56"/>
      <c r="E58" s="65"/>
    </row>
    <row r="59" spans="2:5" s="4" customFormat="1" ht="29.25" customHeight="1" x14ac:dyDescent="0.25">
      <c r="B59" s="57" t="s">
        <v>79</v>
      </c>
      <c r="C59" s="85" t="s">
        <v>96</v>
      </c>
      <c r="D59" s="53"/>
      <c r="E59" s="64"/>
    </row>
    <row r="60" spans="2:5" s="4" customFormat="1" ht="29.25" customHeight="1" x14ac:dyDescent="0.25">
      <c r="B60" s="57" t="s">
        <v>80</v>
      </c>
      <c r="C60" s="85" t="s">
        <v>97</v>
      </c>
      <c r="D60" s="53"/>
      <c r="E60" s="64"/>
    </row>
    <row r="61" spans="2:5" s="4" customFormat="1" ht="29.25" customHeight="1" x14ac:dyDescent="0.25">
      <c r="B61" s="57" t="s">
        <v>81</v>
      </c>
      <c r="C61" s="85" t="s">
        <v>98</v>
      </c>
      <c r="D61" s="53"/>
      <c r="E61" s="64"/>
    </row>
    <row r="62" spans="2:5" s="4" customFormat="1" ht="29.25" customHeight="1" x14ac:dyDescent="0.25">
      <c r="B62" s="62" t="s">
        <v>82</v>
      </c>
      <c r="C62" s="85" t="s">
        <v>117</v>
      </c>
      <c r="D62" s="53"/>
      <c r="E62" s="64"/>
    </row>
    <row r="63" spans="2:5" s="4" customFormat="1" ht="29.25" customHeight="1" x14ac:dyDescent="0.25">
      <c r="B63" s="45" t="s">
        <v>83</v>
      </c>
      <c r="C63" s="85" t="s">
        <v>99</v>
      </c>
      <c r="D63" s="53"/>
      <c r="E63" s="64"/>
    </row>
    <row r="64" spans="2:5" s="4" customFormat="1" ht="29.25" customHeight="1" x14ac:dyDescent="0.25">
      <c r="B64" s="45" t="s">
        <v>84</v>
      </c>
      <c r="C64" s="85" t="s">
        <v>100</v>
      </c>
      <c r="D64" s="56"/>
      <c r="E64" s="65"/>
    </row>
    <row r="65" spans="2:5" s="4" customFormat="1" ht="29.25" customHeight="1" x14ac:dyDescent="0.25">
      <c r="B65" s="57" t="s">
        <v>106</v>
      </c>
      <c r="C65" s="85" t="s">
        <v>101</v>
      </c>
      <c r="D65" s="53"/>
      <c r="E65" s="64"/>
    </row>
    <row r="66" spans="2:5" s="4" customFormat="1" ht="29.25" customHeight="1" x14ac:dyDescent="0.25">
      <c r="B66" s="45" t="s">
        <v>107</v>
      </c>
      <c r="C66" s="85" t="s">
        <v>219</v>
      </c>
      <c r="D66" s="53"/>
      <c r="E66" s="64"/>
    </row>
    <row r="67" spans="2:5" s="4" customFormat="1" ht="29.25" customHeight="1" x14ac:dyDescent="0.25">
      <c r="B67" s="165" t="s">
        <v>102</v>
      </c>
      <c r="C67" s="166"/>
      <c r="D67" s="53"/>
      <c r="E67" s="81"/>
    </row>
    <row r="68" spans="2:5" s="4" customFormat="1" ht="29.25" customHeight="1" x14ac:dyDescent="0.25">
      <c r="B68" s="57" t="s">
        <v>13</v>
      </c>
      <c r="C68" s="85" t="s">
        <v>103</v>
      </c>
      <c r="D68" s="53"/>
      <c r="E68" s="64"/>
    </row>
    <row r="69" spans="2:5" s="4" customFormat="1" ht="29.25" customHeight="1" x14ac:dyDescent="0.25">
      <c r="B69" s="57" t="s">
        <v>53</v>
      </c>
      <c r="C69" s="85" t="s">
        <v>104</v>
      </c>
      <c r="D69" s="53"/>
      <c r="E69" s="64"/>
    </row>
    <row r="70" spans="2:5" s="4" customFormat="1" ht="29.25" customHeight="1" x14ac:dyDescent="0.25">
      <c r="B70" s="57" t="s">
        <v>54</v>
      </c>
      <c r="C70" s="85" t="s">
        <v>105</v>
      </c>
      <c r="D70" s="53"/>
      <c r="E70" s="64"/>
    </row>
    <row r="71" spans="2:5" s="4" customFormat="1" ht="45" customHeight="1" x14ac:dyDescent="0.25">
      <c r="B71" s="57" t="s">
        <v>56</v>
      </c>
      <c r="C71" s="85" t="s">
        <v>220</v>
      </c>
      <c r="D71" s="53"/>
      <c r="E71" s="64"/>
    </row>
    <row r="72" spans="2:5" s="4" customFormat="1" ht="29.25" customHeight="1" x14ac:dyDescent="0.25">
      <c r="B72" s="57" t="s">
        <v>57</v>
      </c>
      <c r="C72" s="85" t="s">
        <v>221</v>
      </c>
      <c r="D72" s="53"/>
      <c r="E72" s="64"/>
    </row>
    <row r="73" spans="2:5" s="4" customFormat="1" ht="29.25" customHeight="1" x14ac:dyDescent="0.25">
      <c r="B73" s="167" t="s">
        <v>144</v>
      </c>
      <c r="C73" s="168"/>
      <c r="D73" s="168"/>
      <c r="E73" s="169"/>
    </row>
    <row r="74" spans="2:5" s="4" customFormat="1" ht="29.25" customHeight="1" x14ac:dyDescent="0.25">
      <c r="B74" s="57" t="s">
        <v>13</v>
      </c>
      <c r="C74" s="50" t="s">
        <v>141</v>
      </c>
      <c r="D74" s="79"/>
      <c r="E74" s="80"/>
    </row>
    <row r="75" spans="2:5" s="4" customFormat="1" ht="29.25" customHeight="1" x14ac:dyDescent="0.25">
      <c r="B75" s="57" t="s">
        <v>53</v>
      </c>
      <c r="C75" s="50" t="s">
        <v>125</v>
      </c>
      <c r="D75" s="79"/>
      <c r="E75" s="80"/>
    </row>
    <row r="76" spans="2:5" s="4" customFormat="1" ht="29.25" customHeight="1" x14ac:dyDescent="0.25">
      <c r="B76" s="57" t="s">
        <v>119</v>
      </c>
      <c r="C76" s="50" t="s">
        <v>126</v>
      </c>
      <c r="D76" s="79"/>
      <c r="E76" s="80"/>
    </row>
    <row r="77" spans="2:5" s="4" customFormat="1" ht="29.25" customHeight="1" x14ac:dyDescent="0.25">
      <c r="B77" s="57" t="s">
        <v>120</v>
      </c>
      <c r="C77" s="50" t="s">
        <v>127</v>
      </c>
      <c r="D77" s="79"/>
      <c r="E77" s="80"/>
    </row>
    <row r="78" spans="2:5" s="4" customFormat="1" ht="29.25" customHeight="1" x14ac:dyDescent="0.25">
      <c r="B78" s="57" t="s">
        <v>121</v>
      </c>
      <c r="C78" s="50" t="s">
        <v>128</v>
      </c>
      <c r="D78" s="79"/>
      <c r="E78" s="80"/>
    </row>
    <row r="79" spans="2:5" s="4" customFormat="1" ht="29.25" customHeight="1" x14ac:dyDescent="0.25">
      <c r="B79" s="57" t="s">
        <v>122</v>
      </c>
      <c r="C79" s="50" t="s">
        <v>129</v>
      </c>
      <c r="D79" s="79"/>
      <c r="E79" s="80"/>
    </row>
    <row r="80" spans="2:5" s="4" customFormat="1" ht="29.25" customHeight="1" x14ac:dyDescent="0.25">
      <c r="B80" s="57" t="s">
        <v>123</v>
      </c>
      <c r="C80" s="50" t="s">
        <v>130</v>
      </c>
      <c r="D80" s="79"/>
      <c r="E80" s="80"/>
    </row>
    <row r="81" spans="2:5" s="4" customFormat="1" ht="29.25" customHeight="1" x14ac:dyDescent="0.25">
      <c r="B81" s="57" t="s">
        <v>124</v>
      </c>
      <c r="C81" s="50" t="s">
        <v>131</v>
      </c>
      <c r="D81" s="79"/>
      <c r="E81" s="80"/>
    </row>
    <row r="82" spans="2:5" s="4" customFormat="1" ht="29.25" customHeight="1" x14ac:dyDescent="0.25">
      <c r="B82" s="57" t="s">
        <v>134</v>
      </c>
      <c r="C82" s="50" t="s">
        <v>132</v>
      </c>
      <c r="D82" s="79"/>
      <c r="E82" s="80"/>
    </row>
    <row r="83" spans="2:5" s="4" customFormat="1" ht="29.25" customHeight="1" x14ac:dyDescent="0.25">
      <c r="B83" s="57" t="s">
        <v>138</v>
      </c>
      <c r="C83" s="50" t="s">
        <v>133</v>
      </c>
      <c r="D83" s="79"/>
      <c r="E83" s="80"/>
    </row>
    <row r="84" spans="2:5" s="4" customFormat="1" ht="29.25" customHeight="1" x14ac:dyDescent="0.25">
      <c r="B84" s="57" t="s">
        <v>139</v>
      </c>
      <c r="C84" s="83" t="s">
        <v>222</v>
      </c>
      <c r="D84" s="79"/>
      <c r="E84" s="80"/>
    </row>
    <row r="85" spans="2:5" s="4" customFormat="1" ht="43.5" customHeight="1" thickBot="1" x14ac:dyDescent="0.3">
      <c r="B85" s="61" t="s">
        <v>140</v>
      </c>
      <c r="C85" s="88" t="s">
        <v>135</v>
      </c>
      <c r="D85" s="79"/>
      <c r="E85" s="67"/>
    </row>
    <row r="86" spans="2:5" s="3" customFormat="1" ht="5.0999999999999996" customHeight="1" x14ac:dyDescent="0.25">
      <c r="B86" s="5"/>
      <c r="C86" s="5"/>
      <c r="D86" s="7"/>
      <c r="E86" s="24"/>
    </row>
    <row r="87" spans="2:5" s="2" customFormat="1" ht="20.100000000000001" customHeight="1" x14ac:dyDescent="0.25">
      <c r="B87" s="133" t="s">
        <v>42</v>
      </c>
      <c r="C87" s="133"/>
      <c r="D87" s="133"/>
      <c r="E87" s="133"/>
    </row>
    <row r="88" spans="2:5" s="2" customFormat="1" ht="5.0999999999999996" customHeight="1" thickBot="1" x14ac:dyDescent="0.3">
      <c r="B88" s="15"/>
      <c r="D88" s="6"/>
      <c r="E88" s="6"/>
    </row>
    <row r="89" spans="2:5" s="3" customFormat="1" ht="59.25" customHeight="1" x14ac:dyDescent="0.25">
      <c r="B89" s="134" t="s">
        <v>6</v>
      </c>
      <c r="C89" s="135"/>
      <c r="D89" s="155" t="s">
        <v>26</v>
      </c>
      <c r="E89" s="156"/>
    </row>
    <row r="90" spans="2:5" s="3" customFormat="1" ht="39.75" customHeight="1" thickBot="1" x14ac:dyDescent="0.3">
      <c r="B90" s="136"/>
      <c r="C90" s="137"/>
      <c r="D90" s="22" t="s">
        <v>5</v>
      </c>
      <c r="E90" s="72"/>
    </row>
    <row r="91" spans="2:5" s="2" customFormat="1" ht="70.5" customHeight="1" x14ac:dyDescent="0.25">
      <c r="B91" s="92" t="s">
        <v>13</v>
      </c>
      <c r="C91" s="101" t="s">
        <v>145</v>
      </c>
      <c r="D91" s="53"/>
      <c r="E91" s="66"/>
    </row>
    <row r="92" spans="2:5" s="2" customFormat="1" ht="29.25" customHeight="1" x14ac:dyDescent="0.25">
      <c r="B92" s="102" t="s">
        <v>53</v>
      </c>
      <c r="C92" s="103" t="s">
        <v>146</v>
      </c>
      <c r="D92" s="53"/>
      <c r="E92" s="66"/>
    </row>
    <row r="93" spans="2:5" s="2" customFormat="1" ht="56.25" customHeight="1" x14ac:dyDescent="0.25">
      <c r="B93" s="104" t="s">
        <v>70</v>
      </c>
      <c r="C93" s="105" t="s">
        <v>147</v>
      </c>
      <c r="D93" s="53"/>
      <c r="E93" s="66"/>
    </row>
    <row r="94" spans="2:5" s="2" customFormat="1" ht="35.25" customHeight="1" x14ac:dyDescent="0.25">
      <c r="B94" s="106" t="s">
        <v>71</v>
      </c>
      <c r="C94" s="107" t="s">
        <v>148</v>
      </c>
      <c r="D94" s="53"/>
      <c r="E94" s="66"/>
    </row>
    <row r="95" spans="2:5" s="2" customFormat="1" ht="24.95" customHeight="1" x14ac:dyDescent="0.25">
      <c r="B95" s="106" t="s">
        <v>72</v>
      </c>
      <c r="C95" s="105" t="s">
        <v>149</v>
      </c>
      <c r="D95" s="53"/>
      <c r="E95" s="66"/>
    </row>
    <row r="96" spans="2:5" s="2" customFormat="1" ht="59.25" customHeight="1" x14ac:dyDescent="0.25">
      <c r="B96" s="108" t="s">
        <v>73</v>
      </c>
      <c r="C96" s="105" t="s">
        <v>150</v>
      </c>
      <c r="D96" s="53"/>
      <c r="E96" s="66"/>
    </row>
    <row r="97" spans="2:5" s="2" customFormat="1" ht="45.75" customHeight="1" x14ac:dyDescent="0.25">
      <c r="B97" s="108" t="s">
        <v>74</v>
      </c>
      <c r="C97" s="105" t="s">
        <v>151</v>
      </c>
      <c r="D97" s="53"/>
      <c r="E97" s="66"/>
    </row>
    <row r="98" spans="2:5" s="2" customFormat="1" ht="128.25" customHeight="1" x14ac:dyDescent="0.25">
      <c r="B98" s="109" t="s">
        <v>75</v>
      </c>
      <c r="C98" s="110" t="s">
        <v>152</v>
      </c>
      <c r="D98" s="53"/>
      <c r="E98" s="66"/>
    </row>
    <row r="99" spans="2:5" s="2" customFormat="1" ht="47.25" customHeight="1" x14ac:dyDescent="0.25">
      <c r="B99" s="51" t="s">
        <v>54</v>
      </c>
      <c r="C99" s="100" t="s">
        <v>153</v>
      </c>
      <c r="D99" s="53"/>
      <c r="E99" s="66"/>
    </row>
    <row r="100" spans="2:5" s="2" customFormat="1" ht="110.25" customHeight="1" x14ac:dyDescent="0.25">
      <c r="B100" s="51" t="s">
        <v>55</v>
      </c>
      <c r="C100" s="100" t="s">
        <v>154</v>
      </c>
      <c r="D100" s="53"/>
      <c r="E100" s="66"/>
    </row>
    <row r="101" spans="2:5" s="2" customFormat="1" ht="70.5" customHeight="1" x14ac:dyDescent="0.25">
      <c r="B101" s="51" t="s">
        <v>56</v>
      </c>
      <c r="C101" s="100" t="s">
        <v>155</v>
      </c>
      <c r="D101" s="53"/>
      <c r="E101" s="66"/>
    </row>
    <row r="102" spans="2:5" s="2" customFormat="1" ht="86.25" customHeight="1" x14ac:dyDescent="0.25">
      <c r="B102" s="51" t="s">
        <v>57</v>
      </c>
      <c r="C102" s="100" t="s">
        <v>156</v>
      </c>
      <c r="D102" s="53"/>
      <c r="E102" s="66"/>
    </row>
    <row r="103" spans="2:5" s="2" customFormat="1" ht="54" customHeight="1" x14ac:dyDescent="0.25">
      <c r="B103" s="51" t="s">
        <v>58</v>
      </c>
      <c r="C103" s="101" t="s">
        <v>157</v>
      </c>
      <c r="D103" s="53"/>
      <c r="E103" s="66"/>
    </row>
    <row r="104" spans="2:5" s="2" customFormat="1" ht="29.25" customHeight="1" x14ac:dyDescent="0.25">
      <c r="B104" s="51" t="s">
        <v>59</v>
      </c>
      <c r="C104" s="25" t="s">
        <v>158</v>
      </c>
      <c r="D104" s="53"/>
      <c r="E104" s="71" t="s">
        <v>69</v>
      </c>
    </row>
    <row r="105" spans="2:5" s="2" customFormat="1" ht="29.25" customHeight="1" x14ac:dyDescent="0.25">
      <c r="B105" s="111" t="s">
        <v>159</v>
      </c>
      <c r="C105" s="112" t="s">
        <v>160</v>
      </c>
      <c r="D105" s="53"/>
      <c r="E105" s="66"/>
    </row>
    <row r="106" spans="2:5" s="2" customFormat="1" ht="29.25" customHeight="1" x14ac:dyDescent="0.25">
      <c r="B106" s="111" t="s">
        <v>161</v>
      </c>
      <c r="C106" s="25" t="s">
        <v>148</v>
      </c>
      <c r="D106" s="53"/>
      <c r="E106" s="66"/>
    </row>
    <row r="107" spans="2:5" s="2" customFormat="1" ht="29.25" customHeight="1" x14ac:dyDescent="0.25">
      <c r="B107" s="111" t="s">
        <v>162</v>
      </c>
      <c r="C107" s="25" t="s">
        <v>163</v>
      </c>
      <c r="D107" s="53"/>
      <c r="E107" s="66"/>
    </row>
    <row r="108" spans="2:5" s="2" customFormat="1" ht="47.25" customHeight="1" x14ac:dyDescent="0.25">
      <c r="B108" s="111" t="s">
        <v>164</v>
      </c>
      <c r="C108" s="25" t="s">
        <v>165</v>
      </c>
      <c r="D108" s="53"/>
      <c r="E108" s="66"/>
    </row>
    <row r="109" spans="2:5" s="2" customFormat="1" ht="127.5" customHeight="1" x14ac:dyDescent="0.25">
      <c r="B109" s="111" t="s">
        <v>166</v>
      </c>
      <c r="C109" s="25" t="s">
        <v>167</v>
      </c>
      <c r="D109" s="53"/>
      <c r="E109" s="66"/>
    </row>
    <row r="110" spans="2:5" s="2" customFormat="1" ht="144" customHeight="1" x14ac:dyDescent="0.25">
      <c r="B110" s="51" t="s">
        <v>60</v>
      </c>
      <c r="C110" s="25" t="s">
        <v>168</v>
      </c>
      <c r="D110" s="53"/>
      <c r="E110" s="66"/>
    </row>
    <row r="111" spans="2:5" s="2" customFormat="1" ht="60" customHeight="1" x14ac:dyDescent="0.25">
      <c r="B111" s="51" t="s">
        <v>61</v>
      </c>
      <c r="C111" s="100" t="s">
        <v>169</v>
      </c>
      <c r="D111" s="53"/>
      <c r="E111" s="66"/>
    </row>
    <row r="112" spans="2:5" s="2" customFormat="1" ht="69.75" customHeight="1" x14ac:dyDescent="0.25">
      <c r="B112" s="51" t="s">
        <v>62</v>
      </c>
      <c r="C112" s="113" t="s">
        <v>170</v>
      </c>
      <c r="D112" s="53"/>
      <c r="E112" s="66"/>
    </row>
    <row r="113" spans="2:5" s="2" customFormat="1" ht="87.75" customHeight="1" x14ac:dyDescent="0.25">
      <c r="B113" s="51" t="s">
        <v>63</v>
      </c>
      <c r="C113" s="112" t="s">
        <v>171</v>
      </c>
      <c r="D113" s="53"/>
      <c r="E113" s="66"/>
    </row>
    <row r="114" spans="2:5" s="2" customFormat="1" ht="144" customHeight="1" x14ac:dyDescent="0.25">
      <c r="B114" s="52" t="s">
        <v>64</v>
      </c>
      <c r="C114" s="112" t="s">
        <v>172</v>
      </c>
      <c r="D114" s="53"/>
      <c r="E114" s="66"/>
    </row>
    <row r="115" spans="2:5" s="2" customFormat="1" ht="115.5" customHeight="1" x14ac:dyDescent="0.25">
      <c r="B115" s="52" t="s">
        <v>65</v>
      </c>
      <c r="C115" s="114" t="s">
        <v>173</v>
      </c>
      <c r="D115" s="53"/>
      <c r="E115" s="66"/>
    </row>
    <row r="116" spans="2:5" s="2" customFormat="1" ht="260.25" customHeight="1" x14ac:dyDescent="0.25">
      <c r="B116" s="52" t="s">
        <v>66</v>
      </c>
      <c r="C116" s="112" t="s">
        <v>174</v>
      </c>
      <c r="D116" s="53"/>
      <c r="E116" s="66"/>
    </row>
    <row r="117" spans="2:5" s="2" customFormat="1" ht="123.75" customHeight="1" x14ac:dyDescent="0.25">
      <c r="B117" s="52" t="s">
        <v>67</v>
      </c>
      <c r="C117" s="100" t="s">
        <v>175</v>
      </c>
      <c r="D117" s="53"/>
      <c r="E117" s="66"/>
    </row>
    <row r="118" spans="2:5" s="2" customFormat="1" ht="118.5" customHeight="1" x14ac:dyDescent="0.25">
      <c r="B118" s="52" t="s">
        <v>68</v>
      </c>
      <c r="C118" s="115" t="s">
        <v>176</v>
      </c>
      <c r="D118" s="53"/>
      <c r="E118" s="66"/>
    </row>
    <row r="119" spans="2:5" s="2" customFormat="1" ht="30" customHeight="1" x14ac:dyDescent="0.25">
      <c r="B119" s="106" t="s">
        <v>76</v>
      </c>
      <c r="C119" s="105" t="s">
        <v>177</v>
      </c>
      <c r="D119" s="53"/>
      <c r="E119" s="66"/>
    </row>
    <row r="120" spans="2:5" s="2" customFormat="1" ht="49.5" customHeight="1" x14ac:dyDescent="0.25">
      <c r="B120" s="106" t="s">
        <v>77</v>
      </c>
      <c r="C120" s="105" t="s">
        <v>178</v>
      </c>
      <c r="D120" s="53"/>
      <c r="E120" s="66"/>
    </row>
    <row r="121" spans="2:5" s="2" customFormat="1" ht="67.5" customHeight="1" x14ac:dyDescent="0.25">
      <c r="B121" s="106" t="s">
        <v>179</v>
      </c>
      <c r="C121" s="105" t="s">
        <v>180</v>
      </c>
      <c r="D121" s="53"/>
      <c r="E121" s="66"/>
    </row>
    <row r="122" spans="2:5" s="2" customFormat="1" ht="48.75" customHeight="1" x14ac:dyDescent="0.25">
      <c r="B122" s="106" t="s">
        <v>181</v>
      </c>
      <c r="C122" s="105" t="s">
        <v>182</v>
      </c>
      <c r="D122" s="53"/>
      <c r="E122" s="66"/>
    </row>
    <row r="123" spans="2:5" s="2" customFormat="1" ht="40.5" customHeight="1" x14ac:dyDescent="0.25">
      <c r="B123" s="106" t="s">
        <v>183</v>
      </c>
      <c r="C123" s="105" t="s">
        <v>184</v>
      </c>
      <c r="D123" s="53"/>
      <c r="E123" s="66"/>
    </row>
    <row r="124" spans="2:5" s="2" customFormat="1" ht="81" customHeight="1" x14ac:dyDescent="0.25">
      <c r="B124" s="116" t="s">
        <v>185</v>
      </c>
      <c r="C124" s="105" t="s">
        <v>186</v>
      </c>
      <c r="D124" s="53" t="s">
        <v>69</v>
      </c>
      <c r="E124" s="71"/>
    </row>
    <row r="125" spans="2:5" s="2" customFormat="1" ht="33" customHeight="1" x14ac:dyDescent="0.25">
      <c r="B125" s="109" t="s">
        <v>187</v>
      </c>
      <c r="C125" s="105" t="s">
        <v>188</v>
      </c>
      <c r="D125" s="53"/>
      <c r="E125" s="66"/>
    </row>
    <row r="126" spans="2:5" s="2" customFormat="1" ht="41.25" customHeight="1" x14ac:dyDescent="0.25">
      <c r="B126" s="109" t="s">
        <v>189</v>
      </c>
      <c r="C126" s="105" t="s">
        <v>190</v>
      </c>
      <c r="D126" s="53"/>
      <c r="E126" s="66"/>
    </row>
    <row r="127" spans="2:5" s="2" customFormat="1" ht="48.75" customHeight="1" x14ac:dyDescent="0.25">
      <c r="B127" s="109" t="s">
        <v>191</v>
      </c>
      <c r="C127" s="105" t="s">
        <v>192</v>
      </c>
      <c r="D127" s="53"/>
      <c r="E127" s="66"/>
    </row>
    <row r="128" spans="2:5" s="2" customFormat="1" ht="71.25" customHeight="1" x14ac:dyDescent="0.25">
      <c r="B128" s="117" t="s">
        <v>78</v>
      </c>
      <c r="C128" s="100" t="s">
        <v>193</v>
      </c>
      <c r="D128" s="53"/>
      <c r="E128" s="66"/>
    </row>
    <row r="129" spans="2:6" s="2" customFormat="1" ht="33" customHeight="1" x14ac:dyDescent="0.25">
      <c r="B129" s="118" t="s">
        <v>79</v>
      </c>
      <c r="C129" s="115" t="s">
        <v>194</v>
      </c>
      <c r="D129" s="53"/>
      <c r="E129" s="66"/>
    </row>
    <row r="130" spans="2:6" s="2" customFormat="1" ht="37.5" customHeight="1" x14ac:dyDescent="0.25">
      <c r="B130" s="119" t="s">
        <v>195</v>
      </c>
      <c r="C130" s="105" t="s">
        <v>196</v>
      </c>
      <c r="D130" s="53"/>
      <c r="E130" s="66"/>
    </row>
    <row r="131" spans="2:6" s="2" customFormat="1" ht="37.5" customHeight="1" x14ac:dyDescent="0.25">
      <c r="B131" s="120" t="s">
        <v>197</v>
      </c>
      <c r="C131" s="121" t="s">
        <v>198</v>
      </c>
      <c r="D131" s="53"/>
      <c r="E131" s="66"/>
    </row>
    <row r="132" spans="2:6" s="2" customFormat="1" ht="76.5" customHeight="1" x14ac:dyDescent="0.25">
      <c r="B132" s="118" t="s">
        <v>80</v>
      </c>
      <c r="C132" s="115" t="s">
        <v>199</v>
      </c>
      <c r="D132" s="53"/>
      <c r="E132" s="66"/>
    </row>
    <row r="133" spans="2:6" s="2" customFormat="1" ht="54.75" customHeight="1" x14ac:dyDescent="0.25">
      <c r="B133" s="122" t="s">
        <v>200</v>
      </c>
      <c r="C133" s="123" t="s">
        <v>201</v>
      </c>
      <c r="D133" s="53"/>
      <c r="E133" s="66"/>
    </row>
    <row r="134" spans="2:6" s="2" customFormat="1" ht="58.5" customHeight="1" x14ac:dyDescent="0.25">
      <c r="B134" s="120" t="s">
        <v>202</v>
      </c>
      <c r="C134" s="124" t="s">
        <v>203</v>
      </c>
      <c r="D134" s="53"/>
      <c r="E134" s="66"/>
    </row>
    <row r="135" spans="2:6" s="2" customFormat="1" ht="128.25" customHeight="1" x14ac:dyDescent="0.25">
      <c r="B135" s="125" t="s">
        <v>81</v>
      </c>
      <c r="C135" s="100" t="s">
        <v>204</v>
      </c>
      <c r="D135" s="53"/>
      <c r="E135" s="66"/>
    </row>
    <row r="136" spans="2:6" s="2" customFormat="1" ht="58.5" customHeight="1" x14ac:dyDescent="0.25">
      <c r="B136" s="117" t="s">
        <v>82</v>
      </c>
      <c r="C136" s="100" t="s">
        <v>205</v>
      </c>
      <c r="D136" s="53"/>
      <c r="E136" s="66"/>
    </row>
    <row r="137" spans="2:6" s="2" customFormat="1" ht="71.25" customHeight="1" x14ac:dyDescent="0.25">
      <c r="B137" s="51" t="s">
        <v>83</v>
      </c>
      <c r="C137" s="100" t="s">
        <v>206</v>
      </c>
      <c r="D137" s="53"/>
      <c r="E137" s="66"/>
    </row>
    <row r="138" spans="2:6" s="2" customFormat="1" ht="88.5" customHeight="1" x14ac:dyDescent="0.25">
      <c r="B138" s="51" t="s">
        <v>84</v>
      </c>
      <c r="C138" s="25" t="s">
        <v>207</v>
      </c>
      <c r="D138" s="53"/>
      <c r="E138" s="66"/>
    </row>
    <row r="139" spans="2:6" s="2" customFormat="1" ht="207" customHeight="1" x14ac:dyDescent="0.25">
      <c r="B139" s="51" t="s">
        <v>208</v>
      </c>
      <c r="C139" s="126" t="s">
        <v>209</v>
      </c>
      <c r="D139" s="53"/>
      <c r="E139" s="66"/>
    </row>
    <row r="140" spans="2:6" s="2" customFormat="1" ht="98.25" customHeight="1" x14ac:dyDescent="0.25">
      <c r="B140" s="90" t="s">
        <v>107</v>
      </c>
      <c r="C140" s="25" t="s">
        <v>210</v>
      </c>
      <c r="D140" s="53"/>
      <c r="E140" s="66"/>
    </row>
    <row r="141" spans="2:6" s="2" customFormat="1" ht="124.5" customHeight="1" x14ac:dyDescent="0.25">
      <c r="B141" s="51" t="s">
        <v>211</v>
      </c>
      <c r="C141" s="25" t="s">
        <v>212</v>
      </c>
      <c r="D141" s="53"/>
      <c r="E141" s="66"/>
    </row>
    <row r="142" spans="2:6" s="2" customFormat="1" ht="44.25" customHeight="1" thickBot="1" x14ac:dyDescent="0.3">
      <c r="B142" s="51" t="s">
        <v>213</v>
      </c>
      <c r="C142" s="13" t="s">
        <v>214</v>
      </c>
      <c r="D142" s="54"/>
      <c r="E142" s="66"/>
    </row>
    <row r="143" spans="2:6" s="3" customFormat="1" ht="46.5" customHeight="1" thickBot="1" x14ac:dyDescent="0.3">
      <c r="B143" s="129" t="s">
        <v>215</v>
      </c>
      <c r="C143" s="46" t="s">
        <v>216</v>
      </c>
      <c r="D143" s="54"/>
      <c r="E143" s="130"/>
      <c r="F143" s="2"/>
    </row>
    <row r="144" spans="2:6" s="3" customFormat="1" ht="7.5" customHeight="1" x14ac:dyDescent="0.25">
      <c r="B144" s="127"/>
      <c r="C144" s="128"/>
      <c r="D144" s="7"/>
      <c r="E144" s="24"/>
      <c r="F144" s="2"/>
    </row>
    <row r="145" spans="2:6" s="2" customFormat="1" ht="20.100000000000001" customHeight="1" x14ac:dyDescent="0.25">
      <c r="B145" s="133" t="s">
        <v>48</v>
      </c>
      <c r="C145" s="133"/>
      <c r="D145" s="133"/>
      <c r="E145" s="133"/>
    </row>
    <row r="146" spans="2:6" s="2" customFormat="1" ht="6.75" customHeight="1" thickBot="1" x14ac:dyDescent="0.3"/>
    <row r="147" spans="2:6" s="2" customFormat="1" ht="69" customHeight="1" x14ac:dyDescent="0.25">
      <c r="B147" s="134" t="s">
        <v>49</v>
      </c>
      <c r="C147" s="135"/>
      <c r="D147" s="155" t="s">
        <v>50</v>
      </c>
      <c r="E147" s="156"/>
    </row>
    <row r="148" spans="2:6" s="3" customFormat="1" ht="29.25" customHeight="1" thickBot="1" x14ac:dyDescent="0.3">
      <c r="B148" s="136"/>
      <c r="C148" s="137"/>
      <c r="D148" s="22" t="s">
        <v>5</v>
      </c>
      <c r="E148" s="72"/>
      <c r="F148" s="2"/>
    </row>
    <row r="149" spans="2:6" s="3" customFormat="1" ht="38.25" customHeight="1" x14ac:dyDescent="0.25">
      <c r="B149" s="92" t="s">
        <v>13</v>
      </c>
      <c r="C149" s="93" t="s">
        <v>51</v>
      </c>
      <c r="D149" s="41"/>
      <c r="E149" s="96"/>
      <c r="F149" s="2"/>
    </row>
    <row r="150" spans="2:6" s="3" customFormat="1" ht="66.75" customHeight="1" x14ac:dyDescent="0.25">
      <c r="B150" s="90" t="s">
        <v>53</v>
      </c>
      <c r="C150" s="91" t="s">
        <v>142</v>
      </c>
      <c r="D150" s="63"/>
      <c r="E150" s="97"/>
      <c r="F150" s="2"/>
    </row>
    <row r="151" spans="2:6" s="3" customFormat="1" ht="45" customHeight="1" x14ac:dyDescent="0.25">
      <c r="B151" s="51" t="s">
        <v>54</v>
      </c>
      <c r="C151" s="95" t="s">
        <v>108</v>
      </c>
      <c r="D151" s="63"/>
      <c r="E151" s="99"/>
      <c r="F151" s="2"/>
    </row>
    <row r="152" spans="2:6" s="3" customFormat="1" ht="102" customHeight="1" thickBot="1" x14ac:dyDescent="0.3">
      <c r="B152" s="94" t="s">
        <v>55</v>
      </c>
      <c r="C152" s="131" t="s">
        <v>217</v>
      </c>
      <c r="D152" s="40"/>
      <c r="E152" s="98"/>
      <c r="F152" s="2"/>
    </row>
    <row r="153" spans="2:6" s="2" customFormat="1" ht="5.0999999999999996" customHeight="1" x14ac:dyDescent="0.25">
      <c r="B153" s="5"/>
      <c r="C153" s="5"/>
      <c r="D153" s="7"/>
      <c r="E153" s="24"/>
    </row>
    <row r="154" spans="2:6" s="2" customFormat="1" ht="20.100000000000001" customHeight="1" x14ac:dyDescent="0.25">
      <c r="B154" s="133" t="s">
        <v>12</v>
      </c>
      <c r="C154" s="133"/>
      <c r="D154" s="133"/>
      <c r="E154" s="133"/>
    </row>
    <row r="155" spans="2:6" s="3" customFormat="1" ht="30" customHeight="1" x14ac:dyDescent="0.25">
      <c r="B155" s="5" t="s">
        <v>14</v>
      </c>
      <c r="C155" s="149" t="s">
        <v>143</v>
      </c>
      <c r="D155" s="149"/>
      <c r="E155" s="149"/>
      <c r="F155" s="2"/>
    </row>
    <row r="156" spans="2:6" s="27" customFormat="1" ht="30" customHeight="1" x14ac:dyDescent="0.25">
      <c r="B156" s="5" t="s">
        <v>27</v>
      </c>
      <c r="C156" s="149" t="s">
        <v>28</v>
      </c>
      <c r="D156" s="149"/>
      <c r="E156" s="149"/>
      <c r="F156" s="2"/>
    </row>
    <row r="157" spans="2:6" s="27" customFormat="1" ht="30" customHeight="1" x14ac:dyDescent="0.25">
      <c r="B157" s="150" t="s">
        <v>29</v>
      </c>
      <c r="C157" s="150"/>
      <c r="D157" s="150"/>
      <c r="E157" s="3"/>
      <c r="F157" s="2"/>
    </row>
    <row r="158" spans="2:6" s="2" customFormat="1" ht="24.95" customHeight="1" x14ac:dyDescent="0.2">
      <c r="B158" s="26" t="s">
        <v>30</v>
      </c>
      <c r="C158" s="152"/>
      <c r="D158" s="152"/>
      <c r="E158" s="27"/>
    </row>
    <row r="159" spans="2:6" s="2" customFormat="1" ht="24.95" customHeight="1" x14ac:dyDescent="0.2">
      <c r="B159" s="26" t="s">
        <v>31</v>
      </c>
      <c r="C159" s="153"/>
      <c r="D159" s="153"/>
      <c r="E159" s="27"/>
    </row>
    <row r="160" spans="2:6" s="2" customFormat="1" ht="24.95" customHeight="1" x14ac:dyDescent="0.25">
      <c r="B160" s="26" t="s">
        <v>32</v>
      </c>
      <c r="C160" s="154"/>
      <c r="D160" s="154"/>
      <c r="E160" s="27"/>
    </row>
    <row r="161" spans="2:6" s="3" customFormat="1" ht="24.95" customHeight="1" x14ac:dyDescent="0.25">
      <c r="B161" s="26" t="s">
        <v>33</v>
      </c>
      <c r="C161" s="154"/>
      <c r="D161" s="154"/>
      <c r="E161" s="28"/>
      <c r="F161" s="2"/>
    </row>
    <row r="162" spans="2:6" s="2" customFormat="1" ht="14.25" customHeight="1" x14ac:dyDescent="0.2">
      <c r="B162" s="11"/>
      <c r="C162" s="12"/>
      <c r="D162" s="12"/>
      <c r="E162" s="29"/>
    </row>
    <row r="163" spans="2:6" s="3" customFormat="1" ht="15" customHeight="1" x14ac:dyDescent="0.25">
      <c r="B163" s="151" t="s">
        <v>34</v>
      </c>
      <c r="C163" s="151"/>
      <c r="D163" s="151"/>
      <c r="E163" s="151"/>
    </row>
    <row r="164" spans="2:6" s="2" customFormat="1" ht="36.75" customHeight="1" x14ac:dyDescent="0.25">
      <c r="B164" s="148" t="s">
        <v>45</v>
      </c>
      <c r="C164" s="148"/>
      <c r="D164" s="148"/>
      <c r="E164" s="148"/>
    </row>
    <row r="165" spans="2:6" s="2" customFormat="1" ht="20.100000000000001" customHeight="1" x14ac:dyDescent="0.2">
      <c r="B165" s="1"/>
      <c r="C165" s="1"/>
      <c r="D165" s="8"/>
    </row>
    <row r="166" spans="2:6" s="3" customFormat="1" ht="4.5" customHeight="1" x14ac:dyDescent="0.2">
      <c r="B166" s="1"/>
      <c r="C166" s="1"/>
      <c r="D166" s="8"/>
      <c r="E166" s="2"/>
    </row>
    <row r="167" spans="2:6" s="3" customFormat="1" ht="20.100000000000001" customHeight="1" x14ac:dyDescent="0.25">
      <c r="B167" s="30" t="s">
        <v>35</v>
      </c>
      <c r="C167" s="31"/>
      <c r="D167" s="32" t="s">
        <v>36</v>
      </c>
      <c r="E167" s="73"/>
    </row>
    <row r="168" spans="2:6" s="3" customFormat="1" ht="20.100000000000001" customHeight="1" x14ac:dyDescent="0.25">
      <c r="B168" s="33"/>
      <c r="C168" s="33"/>
      <c r="D168" s="33"/>
      <c r="E168" s="34"/>
    </row>
    <row r="169" spans="2:6" ht="20.100000000000001" customHeight="1" x14ac:dyDescent="0.2">
      <c r="B169" s="30" t="s">
        <v>37</v>
      </c>
      <c r="C169" s="31"/>
      <c r="D169" s="35" t="s">
        <v>38</v>
      </c>
      <c r="E169" s="74"/>
    </row>
    <row r="170" spans="2:6" s="2" customFormat="1" ht="20.100000000000001" customHeight="1" x14ac:dyDescent="0.2">
      <c r="B170" s="1"/>
      <c r="C170" s="1"/>
      <c r="D170" s="35" t="s">
        <v>39</v>
      </c>
      <c r="E170" s="75"/>
    </row>
    <row r="171" spans="2:6" s="2" customFormat="1" ht="20.100000000000001" customHeight="1" x14ac:dyDescent="0.2">
      <c r="B171" s="1"/>
      <c r="C171" s="1"/>
      <c r="D171" s="36" t="s">
        <v>40</v>
      </c>
    </row>
    <row r="172" spans="2:6" s="2" customFormat="1" ht="37.5" customHeight="1" x14ac:dyDescent="0.25"/>
    <row r="173" spans="2:6" s="2" customFormat="1" ht="24" customHeight="1" x14ac:dyDescent="0.25"/>
    <row r="174" spans="2:6" s="2" customFormat="1" ht="24" customHeight="1" x14ac:dyDescent="0.25"/>
    <row r="175" spans="2:6" s="2" customFormat="1" ht="24" customHeight="1" x14ac:dyDescent="0.25"/>
    <row r="176" spans="2:6" s="2" customFormat="1" ht="20.100000000000001" customHeight="1" x14ac:dyDescent="0.25"/>
    <row r="177" spans="2:4" s="2" customFormat="1" ht="20.100000000000001" customHeight="1" x14ac:dyDescent="0.25"/>
    <row r="178" spans="2:4" s="2" customFormat="1" ht="50.1" customHeight="1" x14ac:dyDescent="0.25"/>
    <row r="179" spans="2:4" s="2" customFormat="1" ht="43.5" customHeight="1" x14ac:dyDescent="0.25"/>
    <row r="180" spans="2:4" ht="24.75" customHeight="1" x14ac:dyDescent="0.2">
      <c r="B180" s="2"/>
      <c r="C180" s="2"/>
      <c r="D180" s="2"/>
    </row>
    <row r="181" spans="2:4" x14ac:dyDescent="0.2">
      <c r="B181" s="2"/>
      <c r="C181" s="2"/>
      <c r="D181" s="2"/>
    </row>
    <row r="182" spans="2:4" ht="20.100000000000001" customHeight="1" x14ac:dyDescent="0.2"/>
    <row r="183" spans="2:4" ht="4.5" customHeight="1" x14ac:dyDescent="0.2"/>
    <row r="184" spans="2:4" ht="20.100000000000001" customHeight="1" x14ac:dyDescent="0.2"/>
    <row r="185" spans="2:4" ht="20.100000000000001" customHeight="1" x14ac:dyDescent="0.2"/>
    <row r="186" spans="2:4" ht="20.100000000000001" customHeight="1" x14ac:dyDescent="0.2"/>
  </sheetData>
  <mergeCells count="45">
    <mergeCell ref="B67:C67"/>
    <mergeCell ref="B73:E73"/>
    <mergeCell ref="C29:D29"/>
    <mergeCell ref="D38:E38"/>
    <mergeCell ref="B145:E145"/>
    <mergeCell ref="B147:C148"/>
    <mergeCell ref="D147:E147"/>
    <mergeCell ref="B2:E2"/>
    <mergeCell ref="B1:E1"/>
    <mergeCell ref="B24:C24"/>
    <mergeCell ref="B27:C27"/>
    <mergeCell ref="B87:E87"/>
    <mergeCell ref="B89:C90"/>
    <mergeCell ref="D89:E89"/>
    <mergeCell ref="B3:E3"/>
    <mergeCell ref="B7:E7"/>
    <mergeCell ref="B8:E8"/>
    <mergeCell ref="B9:E9"/>
    <mergeCell ref="B11:E11"/>
    <mergeCell ref="B12:D12"/>
    <mergeCell ref="B40:E40"/>
    <mergeCell ref="B164:E164"/>
    <mergeCell ref="B154:E154"/>
    <mergeCell ref="C155:E155"/>
    <mergeCell ref="C156:E156"/>
    <mergeCell ref="B157:D157"/>
    <mergeCell ref="B163:E163"/>
    <mergeCell ref="C158:D158"/>
    <mergeCell ref="C159:D159"/>
    <mergeCell ref="C160:D160"/>
    <mergeCell ref="C161:D161"/>
    <mergeCell ref="B13:C13"/>
    <mergeCell ref="B14:D14"/>
    <mergeCell ref="B36:E36"/>
    <mergeCell ref="B38:C39"/>
    <mergeCell ref="B23:E23"/>
    <mergeCell ref="C28:D28"/>
    <mergeCell ref="B32:C32"/>
    <mergeCell ref="B22:E22"/>
    <mergeCell ref="B21:D21"/>
    <mergeCell ref="C30:D30"/>
    <mergeCell ref="B17:D17"/>
    <mergeCell ref="B18:D18"/>
    <mergeCell ref="B19:E19"/>
    <mergeCell ref="B20:E20"/>
  </mergeCells>
  <conditionalFormatting sqref="D50:D51 E169:E170 D74:D85 D65:D72">
    <cfRule type="containsBlanks" dxfId="29" priority="59">
      <formula>LEN(TRIM(D50))=0</formula>
    </cfRule>
  </conditionalFormatting>
  <conditionalFormatting sqref="C167">
    <cfRule type="containsBlanks" dxfId="28" priority="56">
      <formula>LEN(TRIM(C167))=0</formula>
    </cfRule>
  </conditionalFormatting>
  <conditionalFormatting sqref="C169">
    <cfRule type="containsBlanks" dxfId="27" priority="55">
      <formula>LEN(TRIM(C169))=0</formula>
    </cfRule>
  </conditionalFormatting>
  <conditionalFormatting sqref="C4:C5">
    <cfRule type="containsBlanks" dxfId="26" priority="54">
      <formula>LEN(TRIM(C4))=0</formula>
    </cfRule>
  </conditionalFormatting>
  <conditionalFormatting sqref="D41">
    <cfRule type="containsBlanks" dxfId="25" priority="53">
      <formula>LEN(TRIM(D41))=0</formula>
    </cfRule>
  </conditionalFormatting>
  <conditionalFormatting sqref="D42">
    <cfRule type="containsBlanks" dxfId="24" priority="52">
      <formula>LEN(TRIM(D42))=0</formula>
    </cfRule>
  </conditionalFormatting>
  <conditionalFormatting sqref="D149:D151">
    <cfRule type="containsBlanks" dxfId="23" priority="48">
      <formula>LEN(TRIM(D149))=0</formula>
    </cfRule>
  </conditionalFormatting>
  <conditionalFormatting sqref="D152">
    <cfRule type="containsBlanks" dxfId="22" priority="47">
      <formula>LEN(TRIM(D152))=0</formula>
    </cfRule>
  </conditionalFormatting>
  <conditionalFormatting sqref="C160:D160">
    <cfRule type="containsBlanks" dxfId="21" priority="44">
      <formula>LEN(TRIM(C160))=0</formula>
    </cfRule>
  </conditionalFormatting>
  <conditionalFormatting sqref="D43">
    <cfRule type="containsBlanks" dxfId="20" priority="30">
      <formula>LEN(TRIM(D43))=0</formula>
    </cfRule>
  </conditionalFormatting>
  <conditionalFormatting sqref="D47">
    <cfRule type="containsBlanks" dxfId="19" priority="29">
      <formula>LEN(TRIM(D47))=0</formula>
    </cfRule>
  </conditionalFormatting>
  <conditionalFormatting sqref="D48">
    <cfRule type="containsBlanks" dxfId="18" priority="28">
      <formula>LEN(TRIM(D48))=0</formula>
    </cfRule>
  </conditionalFormatting>
  <conditionalFormatting sqref="D49">
    <cfRule type="containsBlanks" dxfId="17" priority="27">
      <formula>LEN(TRIM(D49))=0</formula>
    </cfRule>
  </conditionalFormatting>
  <conditionalFormatting sqref="D44">
    <cfRule type="containsBlanks" dxfId="16" priority="26">
      <formula>LEN(TRIM(D44))=0</formula>
    </cfRule>
  </conditionalFormatting>
  <conditionalFormatting sqref="D46">
    <cfRule type="containsBlanks" dxfId="15" priority="25">
      <formula>LEN(TRIM(D46))=0</formula>
    </cfRule>
  </conditionalFormatting>
  <conditionalFormatting sqref="D52">
    <cfRule type="containsBlanks" dxfId="14" priority="24">
      <formula>LEN(TRIM(D52))=0</formula>
    </cfRule>
  </conditionalFormatting>
  <conditionalFormatting sqref="D53">
    <cfRule type="containsBlanks" dxfId="13" priority="23">
      <formula>LEN(TRIM(D53))=0</formula>
    </cfRule>
  </conditionalFormatting>
  <conditionalFormatting sqref="D54">
    <cfRule type="containsBlanks" dxfId="12" priority="22">
      <formula>LEN(TRIM(D54))=0</formula>
    </cfRule>
  </conditionalFormatting>
  <conditionalFormatting sqref="D55 D59:D61">
    <cfRule type="containsBlanks" dxfId="11" priority="21">
      <formula>LEN(TRIM(D55))=0</formula>
    </cfRule>
  </conditionalFormatting>
  <conditionalFormatting sqref="D56">
    <cfRule type="containsBlanks" dxfId="10" priority="19">
      <formula>LEN(TRIM(D56))=0</formula>
    </cfRule>
  </conditionalFormatting>
  <conditionalFormatting sqref="D58">
    <cfRule type="containsBlanks" dxfId="9" priority="18">
      <formula>LEN(TRIM(D58))=0</formula>
    </cfRule>
  </conditionalFormatting>
  <conditionalFormatting sqref="D64">
    <cfRule type="containsBlanks" dxfId="8" priority="16">
      <formula>LEN(TRIM(D64))=0</formula>
    </cfRule>
  </conditionalFormatting>
  <conditionalFormatting sqref="D91:D99">
    <cfRule type="containsBlanks" dxfId="7" priority="12">
      <formula>LEN(TRIM(D91))=0</formula>
    </cfRule>
  </conditionalFormatting>
  <conditionalFormatting sqref="D100:D103">
    <cfRule type="containsBlanks" dxfId="6" priority="11">
      <formula>LEN(TRIM(D100))=0</formula>
    </cfRule>
  </conditionalFormatting>
  <conditionalFormatting sqref="D104:D107">
    <cfRule type="containsBlanks" dxfId="5" priority="10">
      <formula>LEN(TRIM(D104))=0</formula>
    </cfRule>
  </conditionalFormatting>
  <conditionalFormatting sqref="D108:D143">
    <cfRule type="containsBlanks" dxfId="4" priority="9">
      <formula>LEN(TRIM(D108))=0</formula>
    </cfRule>
  </conditionalFormatting>
  <conditionalFormatting sqref="D45">
    <cfRule type="containsBlanks" dxfId="3" priority="8">
      <formula>LEN(TRIM(D45))=0</formula>
    </cfRule>
  </conditionalFormatting>
  <conditionalFormatting sqref="D63">
    <cfRule type="containsBlanks" dxfId="2" priority="1">
      <formula>LEN(TRIM(D63))=0</formula>
    </cfRule>
  </conditionalFormatting>
  <conditionalFormatting sqref="D57">
    <cfRule type="containsBlanks" dxfId="1" priority="5">
      <formula>LEN(TRIM(D57))=0</formula>
    </cfRule>
  </conditionalFormatting>
  <conditionalFormatting sqref="D62">
    <cfRule type="containsBlanks" dxfId="0" priority="4">
      <formula>LEN(TRIM(D62))=0</formula>
    </cfRule>
  </conditionalFormatting>
  <printOptions horizontalCentered="1"/>
  <pageMargins left="0.70866141732283472" right="0.70866141732283472" top="0.90625" bottom="0.74803149606299213" header="0.31496062992125984" footer="0.31496062992125984"/>
  <pageSetup paperSize="9" scale="57"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30"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4</xdr:row>
                    <xdr:rowOff>0</xdr:rowOff>
                  </from>
                  <to>
                    <xdr:col>1</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5</xdr:row>
                    <xdr:rowOff>9525</xdr:rowOff>
                  </from>
                  <to>
                    <xdr:col>1</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2</xdr:row>
                    <xdr:rowOff>9525</xdr:rowOff>
                  </from>
                  <to>
                    <xdr:col>1</xdr:col>
                    <xdr:colOff>885825</xdr:colOff>
                    <xdr:row>32</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3</xdr:row>
                    <xdr:rowOff>0</xdr:rowOff>
                  </from>
                  <to>
                    <xdr:col>1</xdr:col>
                    <xdr:colOff>88582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1-04T08:44:15Z</cp:lastPrinted>
  <dcterms:created xsi:type="dcterms:W3CDTF">2017-04-21T05:51:15Z</dcterms:created>
  <dcterms:modified xsi:type="dcterms:W3CDTF">2022-11-04T10:08:48Z</dcterms:modified>
</cp:coreProperties>
</file>